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しまねブランド推進課\"/>
    </mc:Choice>
  </mc:AlternateContent>
  <bookViews>
    <workbookView xWindow="600" yWindow="120" windowWidth="19395" windowHeight="7830"/>
  </bookViews>
  <sheets>
    <sheet name="原料供給企業一覧" sheetId="4" r:id="rId1"/>
  </sheets>
  <definedNames>
    <definedName name="_xlnm._FilterDatabase" localSheetId="0" hidden="1">原料供給企業一覧!$A$1:$J$87</definedName>
    <definedName name="_xlnm.Print_Area" localSheetId="0">原料供給企業一覧!$A$1:$J$87</definedName>
  </definedNames>
  <calcPr calcId="162913"/>
</workbook>
</file>

<file path=xl/sharedStrings.xml><?xml version="1.0" encoding="utf-8"?>
<sst xmlns="http://schemas.openxmlformats.org/spreadsheetml/2006/main" count="812" uniqueCount="417">
  <si>
    <t>企業名</t>
    <rPh sb="0" eb="2">
      <t>キギョウ</t>
    </rPh>
    <rPh sb="2" eb="3">
      <t>メイ</t>
    </rPh>
    <phoneticPr fontId="1"/>
  </si>
  <si>
    <t>電話</t>
    <rPh sb="0" eb="2">
      <t>デンワ</t>
    </rPh>
    <phoneticPr fontId="1"/>
  </si>
  <si>
    <t>ＦＡＸ</t>
    <phoneticPr fontId="1"/>
  </si>
  <si>
    <t>相談に応じます</t>
    <rPh sb="0" eb="2">
      <t>ソウダン</t>
    </rPh>
    <rPh sb="3" eb="4">
      <t>オウ</t>
    </rPh>
    <phoneticPr fontId="1"/>
  </si>
  <si>
    <t>原材料（産地・状態等）</t>
    <rPh sb="0" eb="3">
      <t>ゲンザイリョウ</t>
    </rPh>
    <rPh sb="4" eb="6">
      <t>サンチ</t>
    </rPh>
    <rPh sb="7" eb="9">
      <t>ジョウタイ</t>
    </rPh>
    <rPh sb="9" eb="10">
      <t>トウ</t>
    </rPh>
    <phoneticPr fontId="1"/>
  </si>
  <si>
    <t>供給可能量</t>
    <rPh sb="0" eb="2">
      <t>キョウキュウ</t>
    </rPh>
    <rPh sb="2" eb="4">
      <t>カノウ</t>
    </rPh>
    <rPh sb="4" eb="5">
      <t>リョウ</t>
    </rPh>
    <phoneticPr fontId="1"/>
  </si>
  <si>
    <t>供給可能時期</t>
    <rPh sb="0" eb="2">
      <t>キョウキュウ</t>
    </rPh>
    <rPh sb="2" eb="4">
      <t>カノウ</t>
    </rPh>
    <rPh sb="4" eb="6">
      <t>ジキ</t>
    </rPh>
    <phoneticPr fontId="1"/>
  </si>
  <si>
    <t>㈱あゆみ</t>
    <phoneticPr fontId="1"/>
  </si>
  <si>
    <t>11月～3月</t>
    <rPh sb="2" eb="3">
      <t>ガツ</t>
    </rPh>
    <rPh sb="5" eb="6">
      <t>ガツ</t>
    </rPh>
    <phoneticPr fontId="1"/>
  </si>
  <si>
    <t>高密度ショウガ（飯南町産　生ショウガ・ガリ）</t>
    <rPh sb="0" eb="3">
      <t>コウミツド</t>
    </rPh>
    <rPh sb="8" eb="11">
      <t>イイナンチョウ</t>
    </rPh>
    <rPh sb="11" eb="12">
      <t>サン</t>
    </rPh>
    <rPh sb="13" eb="14">
      <t>ナマ</t>
    </rPh>
    <phoneticPr fontId="1"/>
  </si>
  <si>
    <t>200ｋｇ</t>
    <phoneticPr fontId="1"/>
  </si>
  <si>
    <t>10月～2月</t>
    <rPh sb="2" eb="3">
      <t>ツキ</t>
    </rPh>
    <rPh sb="5" eb="6">
      <t>ガツ</t>
    </rPh>
    <phoneticPr fontId="1"/>
  </si>
  <si>
    <t>0854-72-1720</t>
    <phoneticPr fontId="1"/>
  </si>
  <si>
    <t>ショウガパウダー（飯南町産）</t>
    <rPh sb="9" eb="12">
      <t>イイナンチョウ</t>
    </rPh>
    <rPh sb="12" eb="13">
      <t>サン</t>
    </rPh>
    <phoneticPr fontId="1"/>
  </si>
  <si>
    <t>50ｋｇ</t>
    <phoneticPr fontId="1"/>
  </si>
  <si>
    <t>11月～周年</t>
    <rPh sb="2" eb="3">
      <t>ツキ</t>
    </rPh>
    <rPh sb="4" eb="6">
      <t>シュウネン</t>
    </rPh>
    <phoneticPr fontId="1"/>
  </si>
  <si>
    <t>大田農水加工協同組合</t>
    <rPh sb="0" eb="2">
      <t>オオダ</t>
    </rPh>
    <rPh sb="2" eb="4">
      <t>ノウスイ</t>
    </rPh>
    <rPh sb="4" eb="6">
      <t>カコウ</t>
    </rPh>
    <rPh sb="6" eb="8">
      <t>キョウドウ</t>
    </rPh>
    <rPh sb="8" eb="10">
      <t>クミアイ</t>
    </rPh>
    <phoneticPr fontId="1"/>
  </si>
  <si>
    <t>0854-83-7755</t>
    <phoneticPr fontId="1"/>
  </si>
  <si>
    <t>0854-82-3062</t>
    <phoneticPr fontId="1"/>
  </si>
  <si>
    <t>アカメガシワ葉（島根県産・冷凍生葉、フリーズドライ加工品）</t>
    <rPh sb="6" eb="7">
      <t>ハ</t>
    </rPh>
    <rPh sb="8" eb="11">
      <t>シマネケン</t>
    </rPh>
    <rPh sb="11" eb="12">
      <t>サン</t>
    </rPh>
    <rPh sb="13" eb="15">
      <t>レイトウ</t>
    </rPh>
    <rPh sb="15" eb="16">
      <t>ナマ</t>
    </rPh>
    <rPh sb="16" eb="17">
      <t>ハ</t>
    </rPh>
    <rPh sb="25" eb="28">
      <t>カコウヒン</t>
    </rPh>
    <phoneticPr fontId="1"/>
  </si>
  <si>
    <t>0855-93-0881</t>
    <phoneticPr fontId="1"/>
  </si>
  <si>
    <t>猪加工販売センター</t>
    <rPh sb="0" eb="5">
      <t>イノシシカコウハンバイ</t>
    </rPh>
    <phoneticPr fontId="1"/>
  </si>
  <si>
    <t>城東化成㈱</t>
    <rPh sb="0" eb="2">
      <t>ジョウトウ</t>
    </rPh>
    <rPh sb="2" eb="4">
      <t>カセイ</t>
    </rPh>
    <phoneticPr fontId="1"/>
  </si>
  <si>
    <t>生しいたけ（菌床、安来市産）</t>
    <rPh sb="0" eb="1">
      <t>ナマ</t>
    </rPh>
    <rPh sb="6" eb="8">
      <t>キンショウ</t>
    </rPh>
    <rPh sb="9" eb="12">
      <t>ヤスギシ</t>
    </rPh>
    <rPh sb="12" eb="13">
      <t>サン</t>
    </rPh>
    <phoneticPr fontId="1"/>
  </si>
  <si>
    <t>0854-22-1568</t>
    <phoneticPr fontId="1"/>
  </si>
  <si>
    <t>0854-23-0892</t>
    <phoneticPr fontId="1"/>
  </si>
  <si>
    <t>乾燥しいたけ（菌床、安来市産）</t>
    <rPh sb="0" eb="2">
      <t>カンソウ</t>
    </rPh>
    <rPh sb="7" eb="9">
      <t>キンショウ</t>
    </rPh>
    <rPh sb="10" eb="13">
      <t>ヤスギシ</t>
    </rPh>
    <rPh sb="13" eb="14">
      <t>サン</t>
    </rPh>
    <phoneticPr fontId="1"/>
  </si>
  <si>
    <t>中玉フルーツトマト(出雲産・生果)</t>
    <rPh sb="0" eb="1">
      <t>ナカ</t>
    </rPh>
    <rPh sb="1" eb="2">
      <t>タマ</t>
    </rPh>
    <rPh sb="10" eb="12">
      <t>イズモ</t>
    </rPh>
    <rPh sb="12" eb="13">
      <t>サン</t>
    </rPh>
    <rPh sb="14" eb="15">
      <t>ナマ</t>
    </rPh>
    <rPh sb="15" eb="16">
      <t>ハテ</t>
    </rPh>
    <phoneticPr fontId="1"/>
  </si>
  <si>
    <t>0853-25-8313</t>
    <phoneticPr fontId="1"/>
  </si>
  <si>
    <t>トマト(島根県江津産・冷凍）</t>
    <rPh sb="4" eb="7">
      <t>シマネケン</t>
    </rPh>
    <rPh sb="7" eb="9">
      <t>ゴウツ</t>
    </rPh>
    <rPh sb="9" eb="10">
      <t>サン</t>
    </rPh>
    <rPh sb="11" eb="13">
      <t>レイトウ</t>
    </rPh>
    <phoneticPr fontId="1"/>
  </si>
  <si>
    <t>0855-53-0788</t>
    <phoneticPr fontId="1"/>
  </si>
  <si>
    <t>0855-53-0836</t>
    <phoneticPr fontId="1"/>
  </si>
  <si>
    <t>トマト(島根県江津産・青果裂果キズ有）</t>
    <rPh sb="4" eb="7">
      <t>シマネケン</t>
    </rPh>
    <rPh sb="7" eb="9">
      <t>ゴウツ</t>
    </rPh>
    <rPh sb="9" eb="10">
      <t>サン</t>
    </rPh>
    <rPh sb="11" eb="13">
      <t>セイカ</t>
    </rPh>
    <rPh sb="13" eb="15">
      <t>レッカ</t>
    </rPh>
    <rPh sb="17" eb="18">
      <t>アリ</t>
    </rPh>
    <phoneticPr fontId="1"/>
  </si>
  <si>
    <t>㈱いずも農園</t>
    <rPh sb="4" eb="6">
      <t>ノウエン</t>
    </rPh>
    <phoneticPr fontId="1"/>
  </si>
  <si>
    <t>江津ｺﾝｸﾘｰﾄ工業㈱</t>
    <rPh sb="0" eb="2">
      <t>ゴウツ</t>
    </rPh>
    <rPh sb="8" eb="10">
      <t>コウギョウ</t>
    </rPh>
    <phoneticPr fontId="1"/>
  </si>
  <si>
    <t>㈲ディブロ</t>
    <phoneticPr fontId="1"/>
  </si>
  <si>
    <t>石見ポーク（邑南町産・生肉）</t>
    <rPh sb="0" eb="2">
      <t>イワミ</t>
    </rPh>
    <rPh sb="6" eb="9">
      <t>オオナンチョウ</t>
    </rPh>
    <rPh sb="9" eb="10">
      <t>サン</t>
    </rPh>
    <rPh sb="11" eb="12">
      <t>ナマ</t>
    </rPh>
    <rPh sb="12" eb="13">
      <t>ニク</t>
    </rPh>
    <phoneticPr fontId="1"/>
  </si>
  <si>
    <t>0855-95-1585</t>
    <phoneticPr fontId="1"/>
  </si>
  <si>
    <t>0855-95-2330</t>
    <phoneticPr fontId="1"/>
  </si>
  <si>
    <t>㈲木村有機農園</t>
    <rPh sb="1" eb="3">
      <t>キムラ</t>
    </rPh>
    <rPh sb="3" eb="5">
      <t>ユウキ</t>
    </rPh>
    <rPh sb="5" eb="7">
      <t>ノウエン</t>
    </rPh>
    <phoneticPr fontId="1"/>
  </si>
  <si>
    <t>0854-74-0717</t>
    <phoneticPr fontId="1"/>
  </si>
  <si>
    <t>通年</t>
    <rPh sb="0" eb="2">
      <t>ツウネン</t>
    </rPh>
    <phoneticPr fontId="1"/>
  </si>
  <si>
    <t>部位によって通年</t>
    <rPh sb="0" eb="2">
      <t>ブイ</t>
    </rPh>
    <rPh sb="6" eb="8">
      <t>ツウネン</t>
    </rPh>
    <phoneticPr fontId="1"/>
  </si>
  <si>
    <t>米粉（雲南市内で生産した高アミロース米を原料とし、温式製粉により澱粉損傷率を抑えた超微粒子）</t>
    <rPh sb="0" eb="2">
      <t>コメコ</t>
    </rPh>
    <rPh sb="3" eb="5">
      <t>ウンナン</t>
    </rPh>
    <rPh sb="5" eb="6">
      <t>シ</t>
    </rPh>
    <rPh sb="6" eb="7">
      <t>ナイ</t>
    </rPh>
    <rPh sb="8" eb="10">
      <t>セイサン</t>
    </rPh>
    <rPh sb="12" eb="13">
      <t>コウ</t>
    </rPh>
    <rPh sb="18" eb="19">
      <t>マイ</t>
    </rPh>
    <rPh sb="20" eb="22">
      <t>ゲンリョウ</t>
    </rPh>
    <rPh sb="25" eb="26">
      <t>オン</t>
    </rPh>
    <rPh sb="26" eb="27">
      <t>シキ</t>
    </rPh>
    <rPh sb="27" eb="29">
      <t>セイフン</t>
    </rPh>
    <rPh sb="32" eb="34">
      <t>デンプン</t>
    </rPh>
    <rPh sb="34" eb="36">
      <t>ソンショウ</t>
    </rPh>
    <rPh sb="36" eb="37">
      <t>リツ</t>
    </rPh>
    <rPh sb="38" eb="39">
      <t>オサ</t>
    </rPh>
    <rPh sb="41" eb="45">
      <t>チョウビリュウシ</t>
    </rPh>
    <phoneticPr fontId="1"/>
  </si>
  <si>
    <t>㈲住江建設</t>
    <rPh sb="1" eb="3">
      <t>スミエ</t>
    </rPh>
    <rPh sb="3" eb="5">
      <t>ケンセツ</t>
    </rPh>
    <phoneticPr fontId="1"/>
  </si>
  <si>
    <t>0855-92-0333</t>
    <phoneticPr fontId="1"/>
  </si>
  <si>
    <t>0855-92-1245</t>
    <phoneticPr fontId="1"/>
  </si>
  <si>
    <t>オリーブもろこ業務用（江津市桜江町産）</t>
    <rPh sb="7" eb="10">
      <t>ギョウムヨウ</t>
    </rPh>
    <rPh sb="11" eb="14">
      <t>ゴウツシ</t>
    </rPh>
    <rPh sb="14" eb="17">
      <t>サクラエチョウ</t>
    </rPh>
    <rPh sb="17" eb="18">
      <t>サン</t>
    </rPh>
    <phoneticPr fontId="1"/>
  </si>
  <si>
    <t>猪肉（江津市、浜田市・冷凍）</t>
    <rPh sb="0" eb="1">
      <t>イノシシ</t>
    </rPh>
    <rPh sb="1" eb="2">
      <t>ニク</t>
    </rPh>
    <rPh sb="3" eb="6">
      <t>ゴウツシ</t>
    </rPh>
    <rPh sb="7" eb="10">
      <t>ハマダシ</t>
    </rPh>
    <rPh sb="11" eb="13">
      <t>レイトウ</t>
    </rPh>
    <phoneticPr fontId="1"/>
  </si>
  <si>
    <t>ほんもろこ（江津市桜江町産・鮮魚、冷凍、素焼）</t>
    <rPh sb="6" eb="9">
      <t>ゴウツシ</t>
    </rPh>
    <rPh sb="9" eb="12">
      <t>サクラエチョウ</t>
    </rPh>
    <rPh sb="12" eb="13">
      <t>サン</t>
    </rPh>
    <rPh sb="14" eb="16">
      <t>センギョ</t>
    </rPh>
    <rPh sb="17" eb="19">
      <t>レイトウ</t>
    </rPh>
    <rPh sb="20" eb="22">
      <t>スヤ</t>
    </rPh>
    <phoneticPr fontId="1"/>
  </si>
  <si>
    <t>(株)イトガ</t>
    <rPh sb="0" eb="3">
      <t>カブ</t>
    </rPh>
    <phoneticPr fontId="1"/>
  </si>
  <si>
    <t>大和しじみ（島根県神西湖産・冷凍）</t>
    <rPh sb="0" eb="2">
      <t>ヤマト</t>
    </rPh>
    <rPh sb="6" eb="8">
      <t>シマネ</t>
    </rPh>
    <rPh sb="8" eb="9">
      <t>ケン</t>
    </rPh>
    <rPh sb="9" eb="11">
      <t>ジンザイ</t>
    </rPh>
    <rPh sb="11" eb="12">
      <t>ミズウミ</t>
    </rPh>
    <rPh sb="12" eb="13">
      <t>サン</t>
    </rPh>
    <rPh sb="14" eb="16">
      <t>レイトウ</t>
    </rPh>
    <phoneticPr fontId="1"/>
  </si>
  <si>
    <t>年中</t>
    <rPh sb="0" eb="2">
      <t>ネンジュウ</t>
    </rPh>
    <phoneticPr fontId="1"/>
  </si>
  <si>
    <t>0853-43-1218</t>
    <phoneticPr fontId="1"/>
  </si>
  <si>
    <t>0853-43-3450</t>
    <phoneticPr fontId="1"/>
  </si>
  <si>
    <t>大和しじみ（島根県神西湖産・生）</t>
    <rPh sb="0" eb="2">
      <t>ヤマト</t>
    </rPh>
    <rPh sb="6" eb="8">
      <t>シマネ</t>
    </rPh>
    <rPh sb="8" eb="9">
      <t>ケン</t>
    </rPh>
    <rPh sb="9" eb="11">
      <t>ジンザイ</t>
    </rPh>
    <rPh sb="11" eb="12">
      <t>ミズウミ</t>
    </rPh>
    <rPh sb="12" eb="13">
      <t>サン</t>
    </rPh>
    <rPh sb="14" eb="15">
      <t>ナマ</t>
    </rPh>
    <phoneticPr fontId="1"/>
  </si>
  <si>
    <t>5月～7月</t>
    <rPh sb="1" eb="2">
      <t>ツキ</t>
    </rPh>
    <rPh sb="4" eb="5">
      <t>ツキ</t>
    </rPh>
    <phoneticPr fontId="1"/>
  </si>
  <si>
    <t>0853-43-1218</t>
  </si>
  <si>
    <t>0853-43-3450</t>
  </si>
  <si>
    <t>山陰クボタ水道用材㈱</t>
    <rPh sb="0" eb="2">
      <t>サンイン</t>
    </rPh>
    <rPh sb="5" eb="7">
      <t>スイドウ</t>
    </rPh>
    <rPh sb="7" eb="9">
      <t>ヨウザイ</t>
    </rPh>
    <phoneticPr fontId="1"/>
  </si>
  <si>
    <t>0852-60-5605</t>
    <phoneticPr fontId="1"/>
  </si>
  <si>
    <t>シリカ濃縮液（大田市三瓶山・濃縮液）</t>
    <rPh sb="3" eb="5">
      <t>ノウシュク</t>
    </rPh>
    <rPh sb="5" eb="6">
      <t>エキ</t>
    </rPh>
    <rPh sb="7" eb="10">
      <t>オオダシ</t>
    </rPh>
    <rPh sb="10" eb="12">
      <t>サンベ</t>
    </rPh>
    <rPh sb="12" eb="13">
      <t>サン</t>
    </rPh>
    <rPh sb="14" eb="16">
      <t>ノウシュク</t>
    </rPh>
    <rPh sb="16" eb="17">
      <t>エキ</t>
    </rPh>
    <phoneticPr fontId="1"/>
  </si>
  <si>
    <t>実山椒（雲南市産・生果）</t>
    <rPh sb="0" eb="1">
      <t>ミ</t>
    </rPh>
    <rPh sb="1" eb="3">
      <t>サンショウ</t>
    </rPh>
    <rPh sb="4" eb="6">
      <t>ウンナン</t>
    </rPh>
    <rPh sb="6" eb="7">
      <t>シ</t>
    </rPh>
    <rPh sb="7" eb="8">
      <t>サン</t>
    </rPh>
    <rPh sb="9" eb="10">
      <t>ナマ</t>
    </rPh>
    <rPh sb="10" eb="11">
      <t>カ</t>
    </rPh>
    <phoneticPr fontId="1"/>
  </si>
  <si>
    <t>0854-47-7235</t>
    <phoneticPr fontId="1"/>
  </si>
  <si>
    <t>0854-42-5330</t>
    <phoneticPr fontId="1"/>
  </si>
  <si>
    <t>実山椒（雲南市産・冷凍、真空ﾊﾟｯｸ）</t>
    <rPh sb="0" eb="1">
      <t>ミ</t>
    </rPh>
    <rPh sb="1" eb="3">
      <t>サンショウ</t>
    </rPh>
    <rPh sb="4" eb="6">
      <t>ウンナン</t>
    </rPh>
    <rPh sb="6" eb="7">
      <t>シ</t>
    </rPh>
    <rPh sb="7" eb="8">
      <t>サン</t>
    </rPh>
    <rPh sb="9" eb="11">
      <t>レイトウ</t>
    </rPh>
    <rPh sb="12" eb="14">
      <t>シンクウ</t>
    </rPh>
    <phoneticPr fontId="1"/>
  </si>
  <si>
    <t>いずも八山椒㈲</t>
    <rPh sb="3" eb="4">
      <t>ハチ</t>
    </rPh>
    <rPh sb="4" eb="6">
      <t>サンショウ</t>
    </rPh>
    <phoneticPr fontId="1"/>
  </si>
  <si>
    <t>要相談</t>
    <rPh sb="0" eb="1">
      <t>ヨウ</t>
    </rPh>
    <rPh sb="1" eb="3">
      <t>ソウダン</t>
    </rPh>
    <phoneticPr fontId="1"/>
  </si>
  <si>
    <t>0852-26-5747</t>
    <phoneticPr fontId="1"/>
  </si>
  <si>
    <t>0852-26-5746</t>
    <phoneticPr fontId="1"/>
  </si>
  <si>
    <t>㈲森山園</t>
    <rPh sb="1" eb="3">
      <t>モリヤマ</t>
    </rPh>
    <rPh sb="3" eb="4">
      <t>エン</t>
    </rPh>
    <phoneticPr fontId="1"/>
  </si>
  <si>
    <t>煎茶・玄米茶・番茶・健康茶（国産・リーフ品）</t>
    <rPh sb="0" eb="2">
      <t>センチャ</t>
    </rPh>
    <rPh sb="3" eb="5">
      <t>ゲンマイ</t>
    </rPh>
    <rPh sb="5" eb="6">
      <t>チャ</t>
    </rPh>
    <rPh sb="7" eb="9">
      <t>バンチャ</t>
    </rPh>
    <rPh sb="10" eb="12">
      <t>ケンコウ</t>
    </rPh>
    <rPh sb="12" eb="13">
      <t>チャ</t>
    </rPh>
    <rPh sb="14" eb="16">
      <t>コクサン</t>
    </rPh>
    <rPh sb="20" eb="21">
      <t>ヒン</t>
    </rPh>
    <phoneticPr fontId="1"/>
  </si>
  <si>
    <t>はま茶（かわらけつめい）（島根県産）</t>
    <rPh sb="2" eb="3">
      <t>チャ</t>
    </rPh>
    <rPh sb="13" eb="16">
      <t>シマネケン</t>
    </rPh>
    <rPh sb="16" eb="17">
      <t>サン</t>
    </rPh>
    <phoneticPr fontId="1"/>
  </si>
  <si>
    <t>㈲角久</t>
    <rPh sb="1" eb="2">
      <t>スミ</t>
    </rPh>
    <rPh sb="2" eb="3">
      <t>ヒサ</t>
    </rPh>
    <phoneticPr fontId="1"/>
  </si>
  <si>
    <t>大豆（安来市産・加工用豆乳、冷蔵）</t>
    <rPh sb="0" eb="2">
      <t>ダイズ</t>
    </rPh>
    <rPh sb="3" eb="6">
      <t>ヤスギシ</t>
    </rPh>
    <rPh sb="6" eb="7">
      <t>サン</t>
    </rPh>
    <rPh sb="8" eb="11">
      <t>カコウヨウ</t>
    </rPh>
    <rPh sb="11" eb="13">
      <t>トウニュウ</t>
    </rPh>
    <rPh sb="14" eb="16">
      <t>レイゾウ</t>
    </rPh>
    <phoneticPr fontId="1"/>
  </si>
  <si>
    <t>大豆（安来市産・豆富、冷蔵）</t>
    <rPh sb="0" eb="2">
      <t>ダイズ</t>
    </rPh>
    <rPh sb="3" eb="6">
      <t>ヤスギシ</t>
    </rPh>
    <rPh sb="6" eb="7">
      <t>サン</t>
    </rPh>
    <rPh sb="8" eb="10">
      <t>トウフ</t>
    </rPh>
    <rPh sb="11" eb="13">
      <t>レイゾウ</t>
    </rPh>
    <phoneticPr fontId="1"/>
  </si>
  <si>
    <t>大豆（安来市産・おから、冷蔵）</t>
    <rPh sb="0" eb="2">
      <t>ダイズ</t>
    </rPh>
    <rPh sb="3" eb="6">
      <t>ヤスギシ</t>
    </rPh>
    <rPh sb="6" eb="7">
      <t>サン</t>
    </rPh>
    <rPh sb="12" eb="14">
      <t>レイゾウ</t>
    </rPh>
    <phoneticPr fontId="1"/>
  </si>
  <si>
    <t>大豆（安来市産・粉末、乾燥）</t>
    <rPh sb="0" eb="2">
      <t>ダイズ</t>
    </rPh>
    <rPh sb="3" eb="6">
      <t>ヤスギシ</t>
    </rPh>
    <rPh sb="6" eb="7">
      <t>サン</t>
    </rPh>
    <rPh sb="8" eb="10">
      <t>フンマツ</t>
    </rPh>
    <rPh sb="11" eb="13">
      <t>カンソウ</t>
    </rPh>
    <phoneticPr fontId="1"/>
  </si>
  <si>
    <t>㈱桃翠園</t>
    <rPh sb="1" eb="4">
      <t>トウスイエン</t>
    </rPh>
    <phoneticPr fontId="5"/>
  </si>
  <si>
    <t>0853-72-0039</t>
    <phoneticPr fontId="5"/>
  </si>
  <si>
    <t>抹茶（出雲市・粉末）、煎茶（出雲市・リーフ）</t>
    <rPh sb="0" eb="2">
      <t>マッチャ</t>
    </rPh>
    <rPh sb="3" eb="5">
      <t>イズモ</t>
    </rPh>
    <rPh sb="5" eb="6">
      <t>シ</t>
    </rPh>
    <rPh sb="7" eb="9">
      <t>フンマツ</t>
    </rPh>
    <rPh sb="11" eb="13">
      <t>センチャ</t>
    </rPh>
    <rPh sb="14" eb="17">
      <t>イズモシ</t>
    </rPh>
    <phoneticPr fontId="5"/>
  </si>
  <si>
    <t>相談に応じます</t>
    <rPh sb="0" eb="2">
      <t>ソウダン</t>
    </rPh>
    <rPh sb="3" eb="4">
      <t>オウ</t>
    </rPh>
    <phoneticPr fontId="5"/>
  </si>
  <si>
    <t>通年</t>
    <rPh sb="0" eb="2">
      <t>ツウネン</t>
    </rPh>
    <phoneticPr fontId="5"/>
  </si>
  <si>
    <t>0854-23-2441</t>
    <phoneticPr fontId="1"/>
  </si>
  <si>
    <t>0854-42-0445</t>
    <phoneticPr fontId="1"/>
  </si>
  <si>
    <t>0854-42-0400</t>
    <phoneticPr fontId="1"/>
  </si>
  <si>
    <t>牛乳（島根県産・1000mlパックまたは12.8㍑キュービーテナー）</t>
    <rPh sb="0" eb="2">
      <t>ギュウニュウ</t>
    </rPh>
    <rPh sb="3" eb="6">
      <t>シマネケン</t>
    </rPh>
    <rPh sb="6" eb="7">
      <t>サン</t>
    </rPh>
    <phoneticPr fontId="1"/>
  </si>
  <si>
    <t>プロボローネチーズ（島根県産・1.5ｋｇロッド）</t>
    <rPh sb="10" eb="13">
      <t>シマネケン</t>
    </rPh>
    <rPh sb="13" eb="14">
      <t>サン</t>
    </rPh>
    <phoneticPr fontId="1"/>
  </si>
  <si>
    <t>木次乳業㈲</t>
    <rPh sb="0" eb="2">
      <t>キスキ</t>
    </rPh>
    <rPh sb="2" eb="4">
      <t>ニュウギョウ</t>
    </rPh>
    <phoneticPr fontId="1"/>
  </si>
  <si>
    <t>0854-83-7330</t>
    <phoneticPr fontId="1"/>
  </si>
  <si>
    <t>0854-83-7331</t>
    <phoneticPr fontId="1"/>
  </si>
  <si>
    <t>㈲奥出雲薔薇園</t>
    <rPh sb="1" eb="7">
      <t>オクイズモバラエン</t>
    </rPh>
    <phoneticPr fontId="1"/>
  </si>
  <si>
    <t>食用薔薇の原材料（乾燥、冷凍、エキス）</t>
    <rPh sb="0" eb="2">
      <t>ショクヨウ</t>
    </rPh>
    <rPh sb="2" eb="4">
      <t>バラ</t>
    </rPh>
    <rPh sb="5" eb="8">
      <t>ゲンザイリョウ</t>
    </rPh>
    <rPh sb="9" eb="11">
      <t>カンソウ</t>
    </rPh>
    <rPh sb="12" eb="14">
      <t>レイトウ</t>
    </rPh>
    <phoneticPr fontId="1"/>
  </si>
  <si>
    <t>小ロットから相談に応じます</t>
    <rPh sb="0" eb="1">
      <t>ショウ</t>
    </rPh>
    <rPh sb="6" eb="8">
      <t>ソウダン</t>
    </rPh>
    <rPh sb="9" eb="10">
      <t>オウ</t>
    </rPh>
    <phoneticPr fontId="1"/>
  </si>
  <si>
    <t>食用薔薇（生花）</t>
    <rPh sb="0" eb="2">
      <t>ショクヨウ</t>
    </rPh>
    <rPh sb="2" eb="4">
      <t>バラ</t>
    </rPh>
    <rPh sb="5" eb="7">
      <t>セイカ</t>
    </rPh>
    <phoneticPr fontId="1"/>
  </si>
  <si>
    <t>吉田ふるさと村</t>
    <rPh sb="0" eb="2">
      <t>ヨシダ</t>
    </rPh>
    <rPh sb="6" eb="7">
      <t>ムラ</t>
    </rPh>
    <phoneticPr fontId="5"/>
  </si>
  <si>
    <t>唐辛子粉末（雲南市吉田町産）</t>
    <rPh sb="0" eb="3">
      <t>トウガラシ</t>
    </rPh>
    <rPh sb="3" eb="5">
      <t>フンマツ</t>
    </rPh>
    <rPh sb="6" eb="9">
      <t>ウンナンシ</t>
    </rPh>
    <rPh sb="9" eb="12">
      <t>ヨシダチョウ</t>
    </rPh>
    <rPh sb="12" eb="13">
      <t>サン</t>
    </rPh>
    <phoneticPr fontId="5"/>
  </si>
  <si>
    <t>0854-74-0500</t>
    <phoneticPr fontId="5"/>
  </si>
  <si>
    <t>0854-74-0501</t>
    <phoneticPr fontId="5"/>
  </si>
  <si>
    <t>唐辛子（雲南市吉田町産）</t>
    <rPh sb="0" eb="3">
      <t>トウガラシ</t>
    </rPh>
    <rPh sb="4" eb="7">
      <t>ウンナンシ</t>
    </rPh>
    <rPh sb="7" eb="10">
      <t>ヨシダチョウ</t>
    </rPh>
    <rPh sb="10" eb="11">
      <t>サン</t>
    </rPh>
    <phoneticPr fontId="5"/>
  </si>
  <si>
    <t>㈲宍道湖</t>
    <rPh sb="1" eb="4">
      <t>シンジコ</t>
    </rPh>
    <phoneticPr fontId="1"/>
  </si>
  <si>
    <t>0853-72-0313</t>
    <phoneticPr fontId="1"/>
  </si>
  <si>
    <t>0853-31-7027</t>
    <phoneticPr fontId="1"/>
  </si>
  <si>
    <t>オフィス・スミ・コーポレーション</t>
    <phoneticPr fontId="1"/>
  </si>
  <si>
    <t>宍道湖産活シジミ</t>
    <rPh sb="0" eb="5">
      <t>シンジコサンカツ</t>
    </rPh>
    <phoneticPr fontId="1"/>
  </si>
  <si>
    <t>0852-39-0204</t>
    <phoneticPr fontId="1"/>
  </si>
  <si>
    <t>減農薬・コシヒカリ</t>
    <rPh sb="0" eb="1">
      <t>ゲン</t>
    </rPh>
    <rPh sb="1" eb="3">
      <t>ノウヤク</t>
    </rPh>
    <phoneticPr fontId="1"/>
  </si>
  <si>
    <t>３トン</t>
    <phoneticPr fontId="1"/>
  </si>
  <si>
    <t>９月</t>
    <rPh sb="1" eb="2">
      <t>ガツ</t>
    </rPh>
    <phoneticPr fontId="1"/>
  </si>
  <si>
    <t>㈱JAアグリ島根</t>
    <rPh sb="6" eb="8">
      <t>シマネ</t>
    </rPh>
    <phoneticPr fontId="1"/>
  </si>
  <si>
    <t>0853-73-9577</t>
    <phoneticPr fontId="1"/>
  </si>
  <si>
    <t>0853-73-9578</t>
    <phoneticPr fontId="1"/>
  </si>
  <si>
    <t>0853-72-4183</t>
    <phoneticPr fontId="1"/>
  </si>
  <si>
    <t>0853-72-4108</t>
    <phoneticPr fontId="1"/>
  </si>
  <si>
    <t>青果物各種(県内産野菜、果実)</t>
    <rPh sb="0" eb="3">
      <t>セイカブツ</t>
    </rPh>
    <rPh sb="3" eb="5">
      <t>カクシュ</t>
    </rPh>
    <rPh sb="6" eb="8">
      <t>ケンナイ</t>
    </rPh>
    <rPh sb="8" eb="9">
      <t>サン</t>
    </rPh>
    <rPh sb="9" eb="11">
      <t>ヤサイ</t>
    </rPh>
    <rPh sb="12" eb="14">
      <t>カジツ</t>
    </rPh>
    <phoneticPr fontId="1"/>
  </si>
  <si>
    <t>乾椎茸(県内産原木乾椎茸)</t>
    <rPh sb="0" eb="3">
      <t>ホシシイタケ</t>
    </rPh>
    <rPh sb="4" eb="6">
      <t>ケンナイ</t>
    </rPh>
    <rPh sb="6" eb="7">
      <t>サン</t>
    </rPh>
    <rPh sb="7" eb="9">
      <t>ゲンボク</t>
    </rPh>
    <rPh sb="9" eb="12">
      <t>ホシシイタケ</t>
    </rPh>
    <phoneticPr fontId="1"/>
  </si>
  <si>
    <t>島根県産精肉(和牛、豚、鶏)</t>
    <rPh sb="0" eb="4">
      <t>シマネケンサン</t>
    </rPh>
    <rPh sb="4" eb="6">
      <t>セイニク</t>
    </rPh>
    <rPh sb="7" eb="9">
      <t>ワギュウ</t>
    </rPh>
    <rPh sb="10" eb="11">
      <t>ブタ</t>
    </rPh>
    <rPh sb="12" eb="13">
      <t>トリ</t>
    </rPh>
    <phoneticPr fontId="1"/>
  </si>
  <si>
    <t>精米、玄米</t>
    <rPh sb="0" eb="2">
      <t>セイマイ</t>
    </rPh>
    <rPh sb="3" eb="5">
      <t>ゲンマイ</t>
    </rPh>
    <phoneticPr fontId="1"/>
  </si>
  <si>
    <t>(株)エリーゼ</t>
    <rPh sb="0" eb="3">
      <t>カブ</t>
    </rPh>
    <phoneticPr fontId="1"/>
  </si>
  <si>
    <t>0854-76-9341</t>
    <phoneticPr fontId="1"/>
  </si>
  <si>
    <t>0854-76-9345</t>
    <phoneticPr fontId="1"/>
  </si>
  <si>
    <t>島根県産・超高水圧加工玄米</t>
    <rPh sb="0" eb="3">
      <t>シマネケン</t>
    </rPh>
    <rPh sb="3" eb="4">
      <t>サン</t>
    </rPh>
    <rPh sb="5" eb="6">
      <t>チョウ</t>
    </rPh>
    <rPh sb="6" eb="9">
      <t>コウスイアツ</t>
    </rPh>
    <rPh sb="9" eb="11">
      <t>カコウ</t>
    </rPh>
    <rPh sb="11" eb="13">
      <t>ゲンマイ</t>
    </rPh>
    <phoneticPr fontId="1"/>
  </si>
  <si>
    <t>島根県産・超高水圧加工玄米粉</t>
    <rPh sb="0" eb="3">
      <t>シマネケン</t>
    </rPh>
    <rPh sb="3" eb="4">
      <t>サン</t>
    </rPh>
    <rPh sb="5" eb="6">
      <t>チョウ</t>
    </rPh>
    <rPh sb="6" eb="9">
      <t>コウスイアツ</t>
    </rPh>
    <rPh sb="9" eb="11">
      <t>カコウ</t>
    </rPh>
    <rPh sb="11" eb="13">
      <t>ゲンマイ</t>
    </rPh>
    <rPh sb="13" eb="14">
      <t>コナ</t>
    </rPh>
    <phoneticPr fontId="1"/>
  </si>
  <si>
    <t>国産・玄米パンケーキミックス（上記玄米粉使用）</t>
    <rPh sb="0" eb="2">
      <t>コクサン</t>
    </rPh>
    <rPh sb="3" eb="14">
      <t>ゲンマイ</t>
    </rPh>
    <rPh sb="15" eb="17">
      <t>ジョウキ</t>
    </rPh>
    <rPh sb="17" eb="19">
      <t>ゲンマイ</t>
    </rPh>
    <rPh sb="19" eb="20">
      <t>コ</t>
    </rPh>
    <rPh sb="20" eb="22">
      <t>シヨウ</t>
    </rPh>
    <phoneticPr fontId="1"/>
  </si>
  <si>
    <t>0854-52-1075</t>
    <phoneticPr fontId="1"/>
  </si>
  <si>
    <t>0854-52-0373</t>
    <phoneticPr fontId="1"/>
  </si>
  <si>
    <t>(株)奥出雲中村ファーム</t>
    <rPh sb="0" eb="3">
      <t>カブ</t>
    </rPh>
    <rPh sb="3" eb="6">
      <t>オクイズモ</t>
    </rPh>
    <rPh sb="6" eb="8">
      <t>ナカムラ</t>
    </rPh>
    <phoneticPr fontId="1"/>
  </si>
  <si>
    <t>えごま油（奥出雲町産）</t>
    <rPh sb="3" eb="4">
      <t>アブラ</t>
    </rPh>
    <rPh sb="5" eb="9">
      <t>オクイズモチョウ</t>
    </rPh>
    <rPh sb="9" eb="10">
      <t>サン</t>
    </rPh>
    <phoneticPr fontId="1"/>
  </si>
  <si>
    <t>えごま実（奥出雲町産）</t>
    <rPh sb="3" eb="4">
      <t>ミ</t>
    </rPh>
    <rPh sb="5" eb="10">
      <t>オクイズモチョウサン</t>
    </rPh>
    <phoneticPr fontId="1"/>
  </si>
  <si>
    <t>脱脂えごま[パウダー／ペースト／乳化液]（奥出雲町産）</t>
    <rPh sb="0" eb="2">
      <t>ダッシ</t>
    </rPh>
    <rPh sb="16" eb="18">
      <t>ニュウカ</t>
    </rPh>
    <rPh sb="18" eb="19">
      <t>エキ</t>
    </rPh>
    <rPh sb="21" eb="25">
      <t>オクイズモチョウ</t>
    </rPh>
    <rPh sb="25" eb="26">
      <t>サン</t>
    </rPh>
    <phoneticPr fontId="1"/>
  </si>
  <si>
    <t>唐辛子[三鷹／ジョロキア／ハバネロ／黄金唐辛子]（奥出雲町産／島根県産）</t>
    <rPh sb="0" eb="3">
      <t>トウガラシ</t>
    </rPh>
    <rPh sb="4" eb="6">
      <t>ミタカ</t>
    </rPh>
    <rPh sb="18" eb="20">
      <t>オウゴン</t>
    </rPh>
    <rPh sb="20" eb="23">
      <t>トウガラシ</t>
    </rPh>
    <rPh sb="25" eb="29">
      <t>オクイズモチョウ</t>
    </rPh>
    <rPh sb="29" eb="30">
      <t>サン</t>
    </rPh>
    <rPh sb="31" eb="34">
      <t>シマネケン</t>
    </rPh>
    <rPh sb="34" eb="35">
      <t>サン</t>
    </rPh>
    <phoneticPr fontId="1"/>
  </si>
  <si>
    <t>0853-43-1677</t>
    <phoneticPr fontId="1"/>
  </si>
  <si>
    <t>㈱貝援隊</t>
    <rPh sb="1" eb="2">
      <t>カイ</t>
    </rPh>
    <rPh sb="2" eb="3">
      <t>エン</t>
    </rPh>
    <rPh sb="3" eb="4">
      <t>タイ</t>
    </rPh>
    <phoneticPr fontId="1"/>
  </si>
  <si>
    <t>0853-43-2438</t>
    <phoneticPr fontId="1"/>
  </si>
  <si>
    <t>赤貝（ロシア産・生）</t>
    <rPh sb="0" eb="2">
      <t>アカガイ</t>
    </rPh>
    <rPh sb="6" eb="7">
      <t>サン</t>
    </rPh>
    <rPh sb="8" eb="9">
      <t>ナマ</t>
    </rPh>
    <phoneticPr fontId="1"/>
  </si>
  <si>
    <t>しじみ（宍道湖産・生、冷凍）</t>
    <rPh sb="4" eb="7">
      <t>シンジコ</t>
    </rPh>
    <rPh sb="7" eb="8">
      <t>サン</t>
    </rPh>
    <rPh sb="9" eb="10">
      <t>ナマ</t>
    </rPh>
    <rPh sb="11" eb="13">
      <t>レイトウ</t>
    </rPh>
    <phoneticPr fontId="1"/>
  </si>
  <si>
    <t>サルボウ貝（有明産・生）</t>
    <rPh sb="4" eb="5">
      <t>カイ</t>
    </rPh>
    <rPh sb="6" eb="8">
      <t>アリアケ</t>
    </rPh>
    <rPh sb="8" eb="9">
      <t>サン</t>
    </rPh>
    <rPh sb="10" eb="11">
      <t>ナマ</t>
    </rPh>
    <phoneticPr fontId="1"/>
  </si>
  <si>
    <t>秋～春</t>
    <rPh sb="0" eb="1">
      <t>アキ</t>
    </rPh>
    <rPh sb="2" eb="3">
      <t>ハル</t>
    </rPh>
    <phoneticPr fontId="1"/>
  </si>
  <si>
    <t>真牡蠣（岡山産、岩手産・冷凍生食用殻付き）</t>
    <rPh sb="0" eb="1">
      <t>マ</t>
    </rPh>
    <rPh sb="1" eb="3">
      <t>カキ</t>
    </rPh>
    <rPh sb="4" eb="6">
      <t>オカヤマ</t>
    </rPh>
    <rPh sb="6" eb="7">
      <t>サン</t>
    </rPh>
    <rPh sb="8" eb="10">
      <t>イワテ</t>
    </rPh>
    <rPh sb="10" eb="11">
      <t>サン</t>
    </rPh>
    <rPh sb="12" eb="14">
      <t>レイトウ</t>
    </rPh>
    <rPh sb="14" eb="15">
      <t>ナマ</t>
    </rPh>
    <rPh sb="15" eb="17">
      <t>ショクヨウ</t>
    </rPh>
    <rPh sb="17" eb="18">
      <t>カラ</t>
    </rPh>
    <rPh sb="18" eb="19">
      <t>ツ</t>
    </rPh>
    <phoneticPr fontId="1"/>
  </si>
  <si>
    <t>〒</t>
    <phoneticPr fontId="1"/>
  </si>
  <si>
    <t>住所</t>
    <rPh sb="0" eb="2">
      <t>ジュウショ</t>
    </rPh>
    <phoneticPr fontId="1"/>
  </si>
  <si>
    <t>699-0641</t>
    <phoneticPr fontId="1"/>
  </si>
  <si>
    <t>出雲市斐川町美南1666番地</t>
    <phoneticPr fontId="1"/>
  </si>
  <si>
    <t>飯石郡飯南町上赤名1664番地</t>
    <phoneticPr fontId="1"/>
  </si>
  <si>
    <t>690-3512</t>
    <phoneticPr fontId="1"/>
  </si>
  <si>
    <t>699-0612</t>
  </si>
  <si>
    <t>699-1822</t>
  </si>
  <si>
    <t>699-1822</t>
    <phoneticPr fontId="1"/>
  </si>
  <si>
    <t>690-2801</t>
    <phoneticPr fontId="1"/>
  </si>
  <si>
    <t>雲南市吉田町吉田1047-2</t>
    <phoneticPr fontId="1"/>
  </si>
  <si>
    <t>大田市長久町長久ロ411番地14</t>
    <phoneticPr fontId="1"/>
  </si>
  <si>
    <t>694-0041</t>
    <phoneticPr fontId="1"/>
  </si>
  <si>
    <t>雲南市木次町東日登228-2</t>
    <phoneticPr fontId="1"/>
  </si>
  <si>
    <t>699-1323</t>
    <phoneticPr fontId="1"/>
  </si>
  <si>
    <t>出雲市斐川町上直江1482</t>
    <phoneticPr fontId="1"/>
  </si>
  <si>
    <t>699-0624</t>
    <phoneticPr fontId="1"/>
  </si>
  <si>
    <t>692-0011</t>
  </si>
  <si>
    <t>松江市東朝日町267-4</t>
    <phoneticPr fontId="1"/>
  </si>
  <si>
    <t>690-0003</t>
    <phoneticPr fontId="1"/>
  </si>
  <si>
    <t>出雲市神西沖町1687-11</t>
    <phoneticPr fontId="1"/>
  </si>
  <si>
    <t>699-0822</t>
    <phoneticPr fontId="1"/>
  </si>
  <si>
    <t>飯石郡飯南町花栗48</t>
    <phoneticPr fontId="1"/>
  </si>
  <si>
    <t>690-3206</t>
    <phoneticPr fontId="1"/>
  </si>
  <si>
    <t>大田市鳥井町鳥井2094-3</t>
    <rPh sb="0" eb="3">
      <t>オオダシ</t>
    </rPh>
    <rPh sb="3" eb="5">
      <t>トリイ</t>
    </rPh>
    <rPh sb="5" eb="6">
      <t>マチ</t>
    </rPh>
    <rPh sb="6" eb="8">
      <t>トリイ</t>
    </rPh>
    <phoneticPr fontId="1"/>
  </si>
  <si>
    <t>694-0054</t>
  </si>
  <si>
    <t>699-4504</t>
  </si>
  <si>
    <t>江津市桜江町大貫57-1</t>
  </si>
  <si>
    <t>692-0031</t>
  </si>
  <si>
    <t>安来市佐久保町496-1</t>
    <rPh sb="0" eb="3">
      <t>ヤスギシ</t>
    </rPh>
    <rPh sb="3" eb="4">
      <t>サ</t>
    </rPh>
    <rPh sb="4" eb="6">
      <t>クボ</t>
    </rPh>
    <rPh sb="6" eb="7">
      <t>マチ</t>
    </rPh>
    <phoneticPr fontId="1"/>
  </si>
  <si>
    <t>出雲市斐川町出西2307</t>
    <rPh sb="0" eb="3">
      <t>イズモシ</t>
    </rPh>
    <rPh sb="3" eb="6">
      <t>ヒカワチョウ</t>
    </rPh>
    <rPh sb="6" eb="8">
      <t>シュッサイ</t>
    </rPh>
    <phoneticPr fontId="1"/>
  </si>
  <si>
    <t>695-0021</t>
  </si>
  <si>
    <t>江津市都野津町2307-31</t>
    <rPh sb="0" eb="3">
      <t>ゴウツシ</t>
    </rPh>
    <rPh sb="3" eb="4">
      <t>ト</t>
    </rPh>
    <rPh sb="4" eb="5">
      <t>ノ</t>
    </rPh>
    <rPh sb="5" eb="6">
      <t>ツ</t>
    </rPh>
    <rPh sb="6" eb="7">
      <t>マチ</t>
    </rPh>
    <phoneticPr fontId="1"/>
  </si>
  <si>
    <t>696-0103</t>
  </si>
  <si>
    <t>邑智郡邑南町矢上4605</t>
  </si>
  <si>
    <t>690-2802</t>
  </si>
  <si>
    <t>雲南市吉田町民谷　544</t>
    <rPh sb="0" eb="2">
      <t>ウンナン</t>
    </rPh>
    <rPh sb="2" eb="3">
      <t>シ</t>
    </rPh>
    <rPh sb="3" eb="5">
      <t>ヨシダ</t>
    </rPh>
    <rPh sb="5" eb="6">
      <t>チョウ</t>
    </rPh>
    <rPh sb="6" eb="7">
      <t>ミン</t>
    </rPh>
    <rPh sb="7" eb="8">
      <t>タニ</t>
    </rPh>
    <phoneticPr fontId="2"/>
  </si>
  <si>
    <t>699-4111</t>
  </si>
  <si>
    <t>江津市桜江町谷住郷1802-1</t>
    <rPh sb="0" eb="3">
      <t>ゴウツシ</t>
    </rPh>
    <rPh sb="3" eb="5">
      <t>サクラエ</t>
    </rPh>
    <rPh sb="5" eb="6">
      <t>マチ</t>
    </rPh>
    <rPh sb="6" eb="7">
      <t>タニ</t>
    </rPh>
    <rPh sb="7" eb="8">
      <t>ス</t>
    </rPh>
    <rPh sb="8" eb="9">
      <t>サト</t>
    </rPh>
    <phoneticPr fontId="1"/>
  </si>
  <si>
    <t>690-0038</t>
  </si>
  <si>
    <t>松江市平成町182番地15クレアヒル松江</t>
  </si>
  <si>
    <t>699-0502</t>
  </si>
  <si>
    <t>出雲市斐川町荘原2750-6</t>
    <rPh sb="6" eb="7">
      <t>ショウ</t>
    </rPh>
    <rPh sb="7" eb="8">
      <t>ハラ</t>
    </rPh>
    <phoneticPr fontId="2"/>
  </si>
  <si>
    <t>699-1324</t>
  </si>
  <si>
    <t>雲南市木次町東日登506-12</t>
  </si>
  <si>
    <t>690-0834</t>
  </si>
  <si>
    <t>松江市朝酌町1586</t>
    <rPh sb="0" eb="3">
      <t>マツエシ</t>
    </rPh>
    <rPh sb="3" eb="5">
      <t>アサクミ</t>
    </rPh>
    <rPh sb="5" eb="6">
      <t>チョウ</t>
    </rPh>
    <phoneticPr fontId="3"/>
  </si>
  <si>
    <t>安来市安来町1296-3</t>
  </si>
  <si>
    <t>仁多郡奥出雲町下横田102-4</t>
    <phoneticPr fontId="1"/>
  </si>
  <si>
    <t>699-0817</t>
    <phoneticPr fontId="1"/>
  </si>
  <si>
    <t>出雲市湖陵町板津1番地</t>
    <rPh sb="0" eb="3">
      <t>イズモシ</t>
    </rPh>
    <rPh sb="3" eb="6">
      <t>コリョウチョウ</t>
    </rPh>
    <rPh sb="6" eb="7">
      <t>イタ</t>
    </rPh>
    <rPh sb="7" eb="8">
      <t>ツ</t>
    </rPh>
    <rPh sb="9" eb="11">
      <t>バンチ</t>
    </rPh>
    <phoneticPr fontId="1"/>
  </si>
  <si>
    <t>(株)しじみ屋</t>
    <rPh sb="1" eb="2">
      <t>カブ</t>
    </rPh>
    <rPh sb="6" eb="7">
      <t>ヤ</t>
    </rPh>
    <phoneticPr fontId="1"/>
  </si>
  <si>
    <t>宍道湖産ヤマトシジミ（活、冷凍）</t>
    <rPh sb="0" eb="3">
      <t>シンジココサン</t>
    </rPh>
    <rPh sb="3" eb="4">
      <t>サン</t>
    </rPh>
    <rPh sb="11" eb="12">
      <t>カツ</t>
    </rPh>
    <rPh sb="13" eb="15">
      <t>レイトウ</t>
    </rPh>
    <phoneticPr fontId="1"/>
  </si>
  <si>
    <t>相談に応じます</t>
    <rPh sb="0" eb="2">
      <t>ソウダンイ</t>
    </rPh>
    <rPh sb="3" eb="4">
      <t>オウ</t>
    </rPh>
    <phoneticPr fontId="1"/>
  </si>
  <si>
    <t>0852-61-4238</t>
    <phoneticPr fontId="1"/>
  </si>
  <si>
    <t>0852-61-4239</t>
    <phoneticPr fontId="1"/>
  </si>
  <si>
    <t>690-0855</t>
    <phoneticPr fontId="1"/>
  </si>
  <si>
    <t>松江市浜佐田町1097-17</t>
    <rPh sb="0" eb="3">
      <t>マツエシ</t>
    </rPh>
    <rPh sb="3" eb="4">
      <t>ハマ</t>
    </rPh>
    <rPh sb="4" eb="6">
      <t>サダ</t>
    </rPh>
    <rPh sb="6" eb="7">
      <t>チョウ</t>
    </rPh>
    <phoneticPr fontId="1"/>
  </si>
  <si>
    <t>㈱ふるさと海士</t>
    <rPh sb="5" eb="7">
      <t>アマ</t>
    </rPh>
    <phoneticPr fontId="1"/>
  </si>
  <si>
    <t>冷凍いか（CAS凍結）剣先いか（白いか）するめいか（シマメ）他</t>
    <rPh sb="0" eb="2">
      <t>レイトウ</t>
    </rPh>
    <rPh sb="8" eb="10">
      <t>トウケツ</t>
    </rPh>
    <rPh sb="11" eb="12">
      <t>ケン</t>
    </rPh>
    <rPh sb="12" eb="13">
      <t>サキ</t>
    </rPh>
    <rPh sb="16" eb="17">
      <t>シロ</t>
    </rPh>
    <rPh sb="30" eb="31">
      <t>ホカ</t>
    </rPh>
    <phoneticPr fontId="1"/>
  </si>
  <si>
    <t>08514-2-1106</t>
    <phoneticPr fontId="1"/>
  </si>
  <si>
    <t>塩（海水を濃縮し釜で炊き天日で干したもの）</t>
    <rPh sb="0" eb="1">
      <t>シオ</t>
    </rPh>
    <rPh sb="2" eb="4">
      <t>カイスイ</t>
    </rPh>
    <rPh sb="5" eb="7">
      <t>ノウシュク</t>
    </rPh>
    <rPh sb="8" eb="9">
      <t>カマ</t>
    </rPh>
    <rPh sb="10" eb="11">
      <t>タ</t>
    </rPh>
    <rPh sb="12" eb="14">
      <t>テンピ</t>
    </rPh>
    <rPh sb="15" eb="16">
      <t>ホ</t>
    </rPh>
    <phoneticPr fontId="1"/>
  </si>
  <si>
    <t>にがり（塩製造時に自然脱水で出来たもの）</t>
    <rPh sb="4" eb="5">
      <t>シオ</t>
    </rPh>
    <rPh sb="5" eb="7">
      <t>セイゾウ</t>
    </rPh>
    <rPh sb="7" eb="8">
      <t>ジ</t>
    </rPh>
    <rPh sb="9" eb="11">
      <t>シゼン</t>
    </rPh>
    <rPh sb="11" eb="13">
      <t>ダッスイ</t>
    </rPh>
    <rPh sb="14" eb="16">
      <t>デキ</t>
    </rPh>
    <phoneticPr fontId="1"/>
  </si>
  <si>
    <t>684-0404</t>
    <phoneticPr fontId="1"/>
  </si>
  <si>
    <t>隠岐郡海士町福井1524-1</t>
    <rPh sb="0" eb="3">
      <t>オキグン</t>
    </rPh>
    <rPh sb="3" eb="6">
      <t>アマチョウ</t>
    </rPh>
    <rPh sb="6" eb="8">
      <t>フクイ</t>
    </rPh>
    <phoneticPr fontId="1"/>
  </si>
  <si>
    <t>㈱シーライフ</t>
    <phoneticPr fontId="1"/>
  </si>
  <si>
    <t>697-0017</t>
    <phoneticPr fontId="1"/>
  </si>
  <si>
    <t>0855-23-3105</t>
    <phoneticPr fontId="1"/>
  </si>
  <si>
    <t>0855-23-3117</t>
    <phoneticPr fontId="1"/>
  </si>
  <si>
    <t>日本海産のどぐろのすり身、ドレス、フィレ等。浜田港水揚げ鮮魚のフィレ、切り身等</t>
    <rPh sb="0" eb="3">
      <t>ニホンカイ</t>
    </rPh>
    <rPh sb="3" eb="4">
      <t>サン</t>
    </rPh>
    <rPh sb="11" eb="12">
      <t>ミ</t>
    </rPh>
    <rPh sb="20" eb="21">
      <t>トウ</t>
    </rPh>
    <rPh sb="22" eb="24">
      <t>ハマダ</t>
    </rPh>
    <rPh sb="24" eb="25">
      <t>ミナト</t>
    </rPh>
    <rPh sb="25" eb="27">
      <t>ミズア</t>
    </rPh>
    <rPh sb="28" eb="30">
      <t>センギョ</t>
    </rPh>
    <rPh sb="35" eb="36">
      <t>キ</t>
    </rPh>
    <rPh sb="37" eb="38">
      <t>ミ</t>
    </rPh>
    <rPh sb="38" eb="39">
      <t>トウ</t>
    </rPh>
    <phoneticPr fontId="1"/>
  </si>
  <si>
    <t>㈱セレビア</t>
    <phoneticPr fontId="1"/>
  </si>
  <si>
    <t>生食用チョウザメ肉（島根県産・冷蔵）</t>
    <rPh sb="0" eb="1">
      <t>ナマ</t>
    </rPh>
    <rPh sb="1" eb="3">
      <t>ショクヨウ</t>
    </rPh>
    <rPh sb="8" eb="9">
      <t>ニク</t>
    </rPh>
    <rPh sb="10" eb="13">
      <t>シマネケン</t>
    </rPh>
    <rPh sb="13" eb="14">
      <t>サン</t>
    </rPh>
    <rPh sb="15" eb="17">
      <t>レイゾウ</t>
    </rPh>
    <phoneticPr fontId="1"/>
  </si>
  <si>
    <t>696-0225</t>
    <phoneticPr fontId="1"/>
  </si>
  <si>
    <t>0855-83-2120</t>
    <phoneticPr fontId="1"/>
  </si>
  <si>
    <t>0855-83-2121</t>
    <phoneticPr fontId="1"/>
  </si>
  <si>
    <t>浜田市原井町907-2</t>
    <rPh sb="0" eb="3">
      <t>ハマダシ</t>
    </rPh>
    <rPh sb="3" eb="5">
      <t>ハライ</t>
    </rPh>
    <rPh sb="5" eb="6">
      <t>マチ</t>
    </rPh>
    <phoneticPr fontId="1"/>
  </si>
  <si>
    <t>邑智郡邑南町下田所418-1</t>
    <rPh sb="0" eb="3">
      <t>オオチグン</t>
    </rPh>
    <rPh sb="3" eb="6">
      <t>オオナンチョウ</t>
    </rPh>
    <rPh sb="6" eb="7">
      <t>シタ</t>
    </rPh>
    <rPh sb="7" eb="9">
      <t>タドコロ</t>
    </rPh>
    <phoneticPr fontId="1"/>
  </si>
  <si>
    <t>㈲やさか共同農場</t>
    <rPh sb="4" eb="6">
      <t>キョウドウ</t>
    </rPh>
    <rPh sb="6" eb="8">
      <t>ノウジョウ</t>
    </rPh>
    <phoneticPr fontId="1"/>
  </si>
  <si>
    <t>697-1212</t>
    <phoneticPr fontId="1"/>
  </si>
  <si>
    <t>浜田市弥栄町三里ハ38</t>
    <rPh sb="0" eb="3">
      <t>ハマダシ</t>
    </rPh>
    <rPh sb="3" eb="6">
      <t>ヤサカチョウ</t>
    </rPh>
    <rPh sb="6" eb="7">
      <t>サン</t>
    </rPh>
    <rPh sb="7" eb="8">
      <t>サト</t>
    </rPh>
    <phoneticPr fontId="1"/>
  </si>
  <si>
    <t>0855-48-2510</t>
    <phoneticPr fontId="1"/>
  </si>
  <si>
    <t>0855-48-2066</t>
    <phoneticPr fontId="1"/>
  </si>
  <si>
    <t>国産・有機米、国産・有機大豆、国産・有機大麦、有機鷹の爪など</t>
    <rPh sb="0" eb="2">
      <t>コクサン</t>
    </rPh>
    <rPh sb="3" eb="6">
      <t>ユウキマイ</t>
    </rPh>
    <rPh sb="7" eb="9">
      <t>コクサン</t>
    </rPh>
    <rPh sb="10" eb="12">
      <t>ユウキ</t>
    </rPh>
    <rPh sb="12" eb="14">
      <t>ダイズ</t>
    </rPh>
    <rPh sb="15" eb="17">
      <t>コクサン</t>
    </rPh>
    <rPh sb="18" eb="20">
      <t>ユウキ</t>
    </rPh>
    <rPh sb="20" eb="22">
      <t>オオムギ</t>
    </rPh>
    <rPh sb="23" eb="25">
      <t>ユウキ</t>
    </rPh>
    <rPh sb="25" eb="26">
      <t>タカ</t>
    </rPh>
    <rPh sb="27" eb="28">
      <t>ツメ</t>
    </rPh>
    <phoneticPr fontId="1"/>
  </si>
  <si>
    <t>㈱にちはら総合研究所</t>
    <rPh sb="5" eb="7">
      <t>ソウゴウ</t>
    </rPh>
    <rPh sb="7" eb="10">
      <t>ケンキュウジョ</t>
    </rPh>
    <phoneticPr fontId="1"/>
  </si>
  <si>
    <t>国産の冬虫夏草（乾燥原体・滅菌粉末）</t>
    <rPh sb="0" eb="2">
      <t>コクサン</t>
    </rPh>
    <rPh sb="3" eb="7">
      <t>トウチュウカソウ</t>
    </rPh>
    <rPh sb="8" eb="10">
      <t>カンソウ</t>
    </rPh>
    <rPh sb="10" eb="12">
      <t>ゲンタイ</t>
    </rPh>
    <rPh sb="13" eb="15">
      <t>メッキン</t>
    </rPh>
    <rPh sb="15" eb="17">
      <t>フンマツ</t>
    </rPh>
    <phoneticPr fontId="1"/>
  </si>
  <si>
    <t>699-5207</t>
    <phoneticPr fontId="1"/>
  </si>
  <si>
    <t>鹿足郡津和野町枕瀬151-1</t>
    <rPh sb="0" eb="3">
      <t>カノアシグン</t>
    </rPh>
    <rPh sb="3" eb="7">
      <t>ツワノチョウ</t>
    </rPh>
    <rPh sb="7" eb="8">
      <t>マクラ</t>
    </rPh>
    <rPh sb="8" eb="9">
      <t>セ</t>
    </rPh>
    <phoneticPr fontId="1"/>
  </si>
  <si>
    <t>0856-74-1318</t>
    <phoneticPr fontId="1"/>
  </si>
  <si>
    <t>0856-74-1348</t>
    <phoneticPr fontId="1"/>
  </si>
  <si>
    <t>益田興産㈱</t>
    <rPh sb="0" eb="2">
      <t>マスダ</t>
    </rPh>
    <rPh sb="2" eb="4">
      <t>コウサン</t>
    </rPh>
    <phoneticPr fontId="1"/>
  </si>
  <si>
    <t>いちご、柿（島根県産・生果/加工品）</t>
    <rPh sb="4" eb="5">
      <t>カキ</t>
    </rPh>
    <rPh sb="6" eb="9">
      <t>シマネケン</t>
    </rPh>
    <rPh sb="9" eb="10">
      <t>サン</t>
    </rPh>
    <rPh sb="11" eb="12">
      <t>ナマ</t>
    </rPh>
    <rPh sb="14" eb="17">
      <t>カコウヒン</t>
    </rPh>
    <phoneticPr fontId="1"/>
  </si>
  <si>
    <t>698-0041</t>
    <phoneticPr fontId="1"/>
  </si>
  <si>
    <t>益田市高津町イ2577-11</t>
    <rPh sb="0" eb="3">
      <t>マスダシ</t>
    </rPh>
    <rPh sb="3" eb="6">
      <t>タカツチョウ</t>
    </rPh>
    <phoneticPr fontId="1"/>
  </si>
  <si>
    <t>0856-22-7888</t>
    <phoneticPr fontId="1"/>
  </si>
  <si>
    <t>0856-22-8310</t>
    <phoneticPr fontId="1"/>
  </si>
  <si>
    <t>真砂産業㈱</t>
    <rPh sb="0" eb="2">
      <t>マサゴ</t>
    </rPh>
    <rPh sb="2" eb="4">
      <t>サンギョウ</t>
    </rPh>
    <phoneticPr fontId="1"/>
  </si>
  <si>
    <t>自然薯・むかご・レンコン（島根県益田市産）</t>
    <rPh sb="0" eb="3">
      <t>ジネンジョ</t>
    </rPh>
    <rPh sb="13" eb="16">
      <t>シマネケン</t>
    </rPh>
    <rPh sb="16" eb="19">
      <t>マスダシ</t>
    </rPh>
    <rPh sb="19" eb="20">
      <t>サン</t>
    </rPh>
    <phoneticPr fontId="1"/>
  </si>
  <si>
    <t>698-0413</t>
    <phoneticPr fontId="1"/>
  </si>
  <si>
    <t>益田市馬谷町イ260</t>
    <rPh sb="0" eb="3">
      <t>マスダシ</t>
    </rPh>
    <rPh sb="3" eb="6">
      <t>ウマタニチョウ</t>
    </rPh>
    <phoneticPr fontId="1"/>
  </si>
  <si>
    <t>0856-26-0456</t>
    <phoneticPr fontId="1"/>
  </si>
  <si>
    <t>0856-26-0118</t>
    <phoneticPr fontId="1"/>
  </si>
  <si>
    <t>㈱みと</t>
    <phoneticPr fontId="1"/>
  </si>
  <si>
    <t>柚子果汁・柚子皮（島根県益田市産）</t>
    <rPh sb="0" eb="2">
      <t>ユズ</t>
    </rPh>
    <rPh sb="2" eb="4">
      <t>カジュウ</t>
    </rPh>
    <rPh sb="5" eb="7">
      <t>ユズ</t>
    </rPh>
    <rPh sb="7" eb="8">
      <t>カワ</t>
    </rPh>
    <rPh sb="9" eb="12">
      <t>シマネケン</t>
    </rPh>
    <rPh sb="12" eb="15">
      <t>マスダシ</t>
    </rPh>
    <rPh sb="15" eb="16">
      <t>サン</t>
    </rPh>
    <phoneticPr fontId="1"/>
  </si>
  <si>
    <t>698-0203</t>
    <phoneticPr fontId="1"/>
  </si>
  <si>
    <t>益田市美都町都茂846</t>
    <rPh sb="0" eb="3">
      <t>マスダシ</t>
    </rPh>
    <rPh sb="3" eb="4">
      <t>ビ</t>
    </rPh>
    <rPh sb="4" eb="5">
      <t>ミヤコ</t>
    </rPh>
    <rPh sb="5" eb="6">
      <t>チョウ</t>
    </rPh>
    <rPh sb="6" eb="7">
      <t>ミヤコ</t>
    </rPh>
    <rPh sb="7" eb="8">
      <t>シゲ</t>
    </rPh>
    <phoneticPr fontId="1"/>
  </si>
  <si>
    <t>0856-52-2088</t>
    <phoneticPr fontId="1"/>
  </si>
  <si>
    <t>0856-52-2170</t>
    <phoneticPr fontId="1"/>
  </si>
  <si>
    <t>㈱いづも農縁</t>
    <rPh sb="4" eb="5">
      <t>ノウ</t>
    </rPh>
    <rPh sb="5" eb="6">
      <t>エン</t>
    </rPh>
    <phoneticPr fontId="1"/>
  </si>
  <si>
    <t>5日程度</t>
    <rPh sb="1" eb="2">
      <t>ニチ</t>
    </rPh>
    <rPh sb="2" eb="4">
      <t>テイド</t>
    </rPh>
    <phoneticPr fontId="1"/>
  </si>
  <si>
    <t>693-0071</t>
    <phoneticPr fontId="1"/>
  </si>
  <si>
    <t>出雲市稲岡町281</t>
    <rPh sb="0" eb="3">
      <t>イズモシ</t>
    </rPh>
    <rPh sb="3" eb="6">
      <t>イナオカチョウ</t>
    </rPh>
    <phoneticPr fontId="1"/>
  </si>
  <si>
    <t>0853-23-7501</t>
    <phoneticPr fontId="1"/>
  </si>
  <si>
    <t>0853-23-7511</t>
    <phoneticPr fontId="1"/>
  </si>
  <si>
    <t>自社栽培出雲産有機モロヘイ（粉末・粒）</t>
    <rPh sb="0" eb="2">
      <t>ジシャ</t>
    </rPh>
    <rPh sb="2" eb="4">
      <t>サイバイ</t>
    </rPh>
    <rPh sb="4" eb="6">
      <t>イズモ</t>
    </rPh>
    <rPh sb="6" eb="7">
      <t>サン</t>
    </rPh>
    <rPh sb="7" eb="9">
      <t>ユウキ</t>
    </rPh>
    <rPh sb="14" eb="16">
      <t>フンマツ</t>
    </rPh>
    <rPh sb="17" eb="18">
      <t>ツブ</t>
    </rPh>
    <phoneticPr fontId="1"/>
  </si>
  <si>
    <t>島根県産えごま（油・カプセル）</t>
    <rPh sb="0" eb="3">
      <t>シマネケン</t>
    </rPh>
    <rPh sb="3" eb="4">
      <t>サン</t>
    </rPh>
    <rPh sb="8" eb="9">
      <t>ユ</t>
    </rPh>
    <phoneticPr fontId="1"/>
  </si>
  <si>
    <t>有限会社藤本米穀店</t>
    <rPh sb="0" eb="9">
      <t>ユウゲンガイシャフジモトベイコクテン</t>
    </rPh>
    <phoneticPr fontId="1"/>
  </si>
  <si>
    <t>米（玄米、精米）</t>
    <rPh sb="0" eb="1">
      <t>コメ</t>
    </rPh>
    <rPh sb="2" eb="4">
      <t>ゲンマイ</t>
    </rPh>
    <rPh sb="5" eb="7">
      <t>セイマイ</t>
    </rPh>
    <phoneticPr fontId="1"/>
  </si>
  <si>
    <t>0852-21-2900</t>
    <phoneticPr fontId="1"/>
  </si>
  <si>
    <t>0852-25-2900</t>
    <phoneticPr fontId="1"/>
  </si>
  <si>
    <t>松江市東本町3-15-1</t>
    <rPh sb="0" eb="3">
      <t>マツエシ</t>
    </rPh>
    <rPh sb="3" eb="6">
      <t>ヒガシホンマチ</t>
    </rPh>
    <phoneticPr fontId="1"/>
  </si>
  <si>
    <t>690-0842</t>
    <phoneticPr fontId="1"/>
  </si>
  <si>
    <t>プレーンヨーグルト（島根県産・500g紙パック）</t>
    <rPh sb="10" eb="13">
      <t>シマネケン</t>
    </rPh>
    <rPh sb="13" eb="14">
      <t>サン</t>
    </rPh>
    <rPh sb="19" eb="20">
      <t>カミ</t>
    </rPh>
    <phoneticPr fontId="1"/>
  </si>
  <si>
    <t>有機の美郷㈲</t>
    <rPh sb="0" eb="2">
      <t>ユウキ</t>
    </rPh>
    <rPh sb="3" eb="5">
      <t>ミサト</t>
    </rPh>
    <phoneticPr fontId="1"/>
  </si>
  <si>
    <t>はと麦若葉・大麦若葉・ケール等（島根県産・乾燥微粉末）</t>
    <rPh sb="2" eb="3">
      <t>ムギ</t>
    </rPh>
    <rPh sb="3" eb="5">
      <t>ワカバ</t>
    </rPh>
    <rPh sb="6" eb="8">
      <t>オオムギ</t>
    </rPh>
    <rPh sb="8" eb="10">
      <t>ワカバ</t>
    </rPh>
    <rPh sb="14" eb="15">
      <t>トウ</t>
    </rPh>
    <rPh sb="16" eb="19">
      <t>シマネケン</t>
    </rPh>
    <rPh sb="19" eb="20">
      <t>サン</t>
    </rPh>
    <rPh sb="21" eb="23">
      <t>カンソウ</t>
    </rPh>
    <rPh sb="23" eb="24">
      <t>ビ</t>
    </rPh>
    <rPh sb="24" eb="26">
      <t>フンマツ</t>
    </rPh>
    <phoneticPr fontId="1"/>
  </si>
  <si>
    <t>696-1134</t>
    <phoneticPr fontId="1"/>
  </si>
  <si>
    <t>邑智郡美郷町惣森４９５－７</t>
    <rPh sb="0" eb="3">
      <t>オオチグン</t>
    </rPh>
    <rPh sb="3" eb="5">
      <t>ミサト</t>
    </rPh>
    <rPh sb="5" eb="6">
      <t>チョウ</t>
    </rPh>
    <rPh sb="6" eb="7">
      <t>ソウ</t>
    </rPh>
    <rPh sb="7" eb="8">
      <t>モリ</t>
    </rPh>
    <phoneticPr fontId="1"/>
  </si>
  <si>
    <t>0855-75-8075</t>
    <phoneticPr fontId="1"/>
  </si>
  <si>
    <t>0855-75-8086</t>
    <phoneticPr fontId="1"/>
  </si>
  <si>
    <t>㈲桜江町桑茶生産組合</t>
    <rPh sb="1" eb="4">
      <t>サクラエチョウ</t>
    </rPh>
    <rPh sb="4" eb="5">
      <t>クワ</t>
    </rPh>
    <rPh sb="5" eb="6">
      <t>チャ</t>
    </rPh>
    <rPh sb="6" eb="8">
      <t>セイサン</t>
    </rPh>
    <rPh sb="8" eb="10">
      <t>クミアイ</t>
    </rPh>
    <phoneticPr fontId="1"/>
  </si>
  <si>
    <t>桑葉・大麦若葉・ケール等（島根県産・乾燥微粉末）</t>
    <rPh sb="0" eb="1">
      <t>クワ</t>
    </rPh>
    <rPh sb="1" eb="2">
      <t>ハ</t>
    </rPh>
    <rPh sb="3" eb="5">
      <t>オオムギ</t>
    </rPh>
    <rPh sb="5" eb="7">
      <t>ワカバ</t>
    </rPh>
    <rPh sb="11" eb="12">
      <t>トウ</t>
    </rPh>
    <rPh sb="13" eb="16">
      <t>シマネケン</t>
    </rPh>
    <rPh sb="16" eb="17">
      <t>サン</t>
    </rPh>
    <rPh sb="18" eb="20">
      <t>カンソウ</t>
    </rPh>
    <rPh sb="20" eb="21">
      <t>ビ</t>
    </rPh>
    <rPh sb="21" eb="23">
      <t>フンマツ</t>
    </rPh>
    <phoneticPr fontId="1"/>
  </si>
  <si>
    <t>ご相談に応じます</t>
    <rPh sb="1" eb="3">
      <t>ソウダン</t>
    </rPh>
    <rPh sb="4" eb="5">
      <t>オウ</t>
    </rPh>
    <phoneticPr fontId="1"/>
  </si>
  <si>
    <t>699-4221</t>
    <phoneticPr fontId="1"/>
  </si>
  <si>
    <t>0855-92-8033</t>
    <phoneticPr fontId="1"/>
  </si>
  <si>
    <t>0855-92-0676</t>
    <phoneticPr fontId="1"/>
  </si>
  <si>
    <t>㈲グリーンフレッシュ</t>
    <phoneticPr fontId="1"/>
  </si>
  <si>
    <t>牛蒡・人参・玉葱・南瓜・さつま芋・大根・馬鈴薯・キャベツ・胡瓜・ピーマン・白菜・葱</t>
    <rPh sb="0" eb="2">
      <t>ゴボウ</t>
    </rPh>
    <rPh sb="3" eb="5">
      <t>ニンジン</t>
    </rPh>
    <rPh sb="6" eb="8">
      <t>タマネギ</t>
    </rPh>
    <rPh sb="9" eb="11">
      <t>カボチャ</t>
    </rPh>
    <rPh sb="15" eb="16">
      <t>イモ</t>
    </rPh>
    <rPh sb="17" eb="19">
      <t>ダイコン</t>
    </rPh>
    <rPh sb="20" eb="23">
      <t>バレイショ</t>
    </rPh>
    <rPh sb="29" eb="31">
      <t>キュウリ</t>
    </rPh>
    <rPh sb="37" eb="39">
      <t>ハクサイ</t>
    </rPh>
    <rPh sb="40" eb="41">
      <t>ネギ</t>
    </rPh>
    <phoneticPr fontId="1"/>
  </si>
  <si>
    <t>1㎏以上</t>
    <rPh sb="2" eb="4">
      <t>イジョウ</t>
    </rPh>
    <phoneticPr fontId="1"/>
  </si>
  <si>
    <t>695-0021</t>
    <phoneticPr fontId="1"/>
  </si>
  <si>
    <t>0855-53-3760</t>
    <phoneticPr fontId="1"/>
  </si>
  <si>
    <t>0855-53-4747</t>
    <phoneticPr fontId="1"/>
  </si>
  <si>
    <t>㈲カネコウ中川</t>
    <rPh sb="5" eb="7">
      <t>ナカガワ</t>
    </rPh>
    <phoneticPr fontId="1"/>
  </si>
  <si>
    <t>鮮魚、冷凍、干物</t>
    <rPh sb="0" eb="2">
      <t>センギョ</t>
    </rPh>
    <rPh sb="3" eb="5">
      <t>レイトウ</t>
    </rPh>
    <rPh sb="6" eb="8">
      <t>ヒモノ</t>
    </rPh>
    <phoneticPr fontId="1"/>
  </si>
  <si>
    <t>各種加工（身欠、フィレ、ドレス、セミドレス）</t>
    <rPh sb="0" eb="2">
      <t>カクシュ</t>
    </rPh>
    <rPh sb="2" eb="4">
      <t>カコウ</t>
    </rPh>
    <rPh sb="5" eb="6">
      <t>ミ</t>
    </rPh>
    <rPh sb="6" eb="7">
      <t>ケツ</t>
    </rPh>
    <phoneticPr fontId="1"/>
  </si>
  <si>
    <t>697-0052</t>
    <phoneticPr fontId="1"/>
  </si>
  <si>
    <t>浜田市港町２７９</t>
    <rPh sb="0" eb="3">
      <t>ハマダシ</t>
    </rPh>
    <rPh sb="3" eb="5">
      <t>ミナトマチ</t>
    </rPh>
    <phoneticPr fontId="1"/>
  </si>
  <si>
    <t>0855-22-0936</t>
    <phoneticPr fontId="1"/>
  </si>
  <si>
    <t>0855-22-2515</t>
    <phoneticPr fontId="1"/>
  </si>
  <si>
    <t>697-0053</t>
  </si>
  <si>
    <t>浜田市港町２８０</t>
    <rPh sb="0" eb="3">
      <t>ハマダシ</t>
    </rPh>
    <rPh sb="3" eb="5">
      <t>ミナトマチ</t>
    </rPh>
    <phoneticPr fontId="1"/>
  </si>
  <si>
    <t>JAしまね　よい食工房</t>
    <rPh sb="8" eb="9">
      <t>ショク</t>
    </rPh>
    <rPh sb="9" eb="11">
      <t>コウボウ</t>
    </rPh>
    <phoneticPr fontId="1"/>
  </si>
  <si>
    <t>はとむぎ（出雲市斐川町産・精白丸粒）</t>
    <rPh sb="5" eb="8">
      <t>イズモシ</t>
    </rPh>
    <rPh sb="8" eb="10">
      <t>ヒカワ</t>
    </rPh>
    <rPh sb="10" eb="11">
      <t>マチ</t>
    </rPh>
    <rPh sb="11" eb="12">
      <t>サン</t>
    </rPh>
    <rPh sb="13" eb="15">
      <t>セイハク</t>
    </rPh>
    <rPh sb="15" eb="16">
      <t>マル</t>
    </rPh>
    <rPh sb="16" eb="17">
      <t>ツブ</t>
    </rPh>
    <phoneticPr fontId="1"/>
  </si>
  <si>
    <t>0853-73-9186</t>
    <phoneticPr fontId="1"/>
  </si>
  <si>
    <t>0853-72-6321</t>
    <phoneticPr fontId="1"/>
  </si>
  <si>
    <t>699-0502</t>
    <phoneticPr fontId="1"/>
  </si>
  <si>
    <t>出雲市斐川町荘原2173-2</t>
    <phoneticPr fontId="1"/>
  </si>
  <si>
    <t>社会福祉法人いわみ福祉会　フーズくわの木</t>
    <rPh sb="0" eb="2">
      <t>シャカイ</t>
    </rPh>
    <rPh sb="2" eb="4">
      <t>フクシ</t>
    </rPh>
    <rPh sb="4" eb="6">
      <t>ホウジン</t>
    </rPh>
    <rPh sb="9" eb="12">
      <t>フクシカイ</t>
    </rPh>
    <rPh sb="19" eb="20">
      <t>キ</t>
    </rPh>
    <phoneticPr fontId="1"/>
  </si>
  <si>
    <t>695-0024</t>
    <phoneticPr fontId="1"/>
  </si>
  <si>
    <t>江津市二宮町神主2218</t>
    <rPh sb="0" eb="3">
      <t>ゴウツシ</t>
    </rPh>
    <rPh sb="3" eb="5">
      <t>ニノミヤ</t>
    </rPh>
    <rPh sb="5" eb="6">
      <t>チョウ</t>
    </rPh>
    <rPh sb="6" eb="8">
      <t>カンヌシ</t>
    </rPh>
    <phoneticPr fontId="1"/>
  </si>
  <si>
    <t>0855-52-7185</t>
    <phoneticPr fontId="1"/>
  </si>
  <si>
    <t>0855-52-7190</t>
    <phoneticPr fontId="1"/>
  </si>
  <si>
    <t>サツマイモマッシュ（島根県浜田市産・冷凍）</t>
    <rPh sb="10" eb="13">
      <t>シマネケン</t>
    </rPh>
    <rPh sb="13" eb="16">
      <t>ハマダシ</t>
    </rPh>
    <rPh sb="16" eb="17">
      <t>サン</t>
    </rPh>
    <rPh sb="18" eb="20">
      <t>レイトウ</t>
    </rPh>
    <phoneticPr fontId="1"/>
  </si>
  <si>
    <t>㈲旭養鶏舎</t>
    <rPh sb="1" eb="2">
      <t>アサヒ</t>
    </rPh>
    <rPh sb="2" eb="5">
      <t>ヨウケイシャ</t>
    </rPh>
    <phoneticPr fontId="1"/>
  </si>
  <si>
    <t>鶏卵（島根県・ネッカ／えごま／コメ）</t>
    <rPh sb="0" eb="2">
      <t>ケイラン</t>
    </rPh>
    <rPh sb="3" eb="6">
      <t>シマネケン</t>
    </rPh>
    <phoneticPr fontId="1"/>
  </si>
  <si>
    <t>699-2211</t>
    <phoneticPr fontId="1"/>
  </si>
  <si>
    <t>大田市波根町221-1</t>
    <rPh sb="0" eb="3">
      <t>オオダシ</t>
    </rPh>
    <rPh sb="3" eb="5">
      <t>ハネ</t>
    </rPh>
    <rPh sb="5" eb="6">
      <t>チョウ</t>
    </rPh>
    <phoneticPr fontId="1"/>
  </si>
  <si>
    <t>0854-85-8421</t>
    <phoneticPr fontId="1"/>
  </si>
  <si>
    <t>0854-85-7054</t>
    <phoneticPr fontId="1"/>
  </si>
  <si>
    <t>㈲スプラウト島根</t>
    <rPh sb="6" eb="8">
      <t>シマネ</t>
    </rPh>
    <phoneticPr fontId="1"/>
  </si>
  <si>
    <t>有機ＪＡＳ認定　島根県産・広島県産　大麦若葉　微粉砕（パウダー）除菌済</t>
    <rPh sb="0" eb="2">
      <t>ユウキ</t>
    </rPh>
    <rPh sb="5" eb="7">
      <t>ニンテイ</t>
    </rPh>
    <rPh sb="8" eb="11">
      <t>シマネケン</t>
    </rPh>
    <rPh sb="11" eb="12">
      <t>サン</t>
    </rPh>
    <rPh sb="13" eb="16">
      <t>ヒロシマケン</t>
    </rPh>
    <rPh sb="16" eb="17">
      <t>サン</t>
    </rPh>
    <rPh sb="18" eb="20">
      <t>オオムギ</t>
    </rPh>
    <rPh sb="20" eb="22">
      <t>ワカバ</t>
    </rPh>
    <rPh sb="23" eb="25">
      <t>ビフン</t>
    </rPh>
    <rPh sb="25" eb="26">
      <t>サイ</t>
    </rPh>
    <rPh sb="32" eb="34">
      <t>ジョキン</t>
    </rPh>
    <rPh sb="34" eb="35">
      <t>ズ</t>
    </rPh>
    <phoneticPr fontId="1"/>
  </si>
  <si>
    <t>12ｔ</t>
    <phoneticPr fontId="1"/>
  </si>
  <si>
    <t>江津市桜江町市山429</t>
    <rPh sb="0" eb="3">
      <t>ゴウツシ</t>
    </rPh>
    <rPh sb="3" eb="6">
      <t>サクラエチョウ</t>
    </rPh>
    <rPh sb="6" eb="8">
      <t>イチヤマ</t>
    </rPh>
    <phoneticPr fontId="1"/>
  </si>
  <si>
    <t>江津市桜江町市山507-1</t>
    <rPh sb="0" eb="3">
      <t>ゴウツシ</t>
    </rPh>
    <rPh sb="3" eb="6">
      <t>サクラエチョウ</t>
    </rPh>
    <rPh sb="6" eb="8">
      <t>イチヤマ</t>
    </rPh>
    <phoneticPr fontId="1"/>
  </si>
  <si>
    <t>江津市都野津町2307-18</t>
    <rPh sb="0" eb="3">
      <t>ゴウツシ</t>
    </rPh>
    <rPh sb="3" eb="6">
      <t>ツノヅ</t>
    </rPh>
    <rPh sb="6" eb="7">
      <t>チョウ</t>
    </rPh>
    <phoneticPr fontId="1"/>
  </si>
  <si>
    <t>0855-92-1233</t>
    <phoneticPr fontId="1"/>
  </si>
  <si>
    <t>0855-92-0445</t>
    <phoneticPr fontId="1"/>
  </si>
  <si>
    <t>やすぎ観光みかん園</t>
    <rPh sb="3" eb="5">
      <t>カンコウ</t>
    </rPh>
    <rPh sb="8" eb="9">
      <t>エン</t>
    </rPh>
    <phoneticPr fontId="1"/>
  </si>
  <si>
    <t>みかん(安来産・生果)</t>
    <rPh sb="4" eb="6">
      <t>ヤスギ</t>
    </rPh>
    <rPh sb="6" eb="7">
      <t>サン</t>
    </rPh>
    <rPh sb="8" eb="10">
      <t>セイカ</t>
    </rPh>
    <phoneticPr fontId="1"/>
  </si>
  <si>
    <t>10～12月</t>
    <rPh sb="5" eb="6">
      <t>ツキ</t>
    </rPh>
    <phoneticPr fontId="1"/>
  </si>
  <si>
    <t>0854-22-5255</t>
    <phoneticPr fontId="1"/>
  </si>
  <si>
    <t>0854-22-5255</t>
    <phoneticPr fontId="1"/>
  </si>
  <si>
    <t>692-0057</t>
    <phoneticPr fontId="1"/>
  </si>
  <si>
    <t>安来市恵乃島町12-1</t>
    <rPh sb="0" eb="3">
      <t>ヤスギシ</t>
    </rPh>
    <rPh sb="3" eb="6">
      <t>エノシマ</t>
    </rPh>
    <rPh sb="6" eb="7">
      <t>チョウ</t>
    </rPh>
    <phoneticPr fontId="1"/>
  </si>
  <si>
    <t>浜田の海で生活する会</t>
    <rPh sb="0" eb="2">
      <t>ハマダ</t>
    </rPh>
    <rPh sb="3" eb="4">
      <t>ウミ</t>
    </rPh>
    <rPh sb="5" eb="7">
      <t>セイカツ</t>
    </rPh>
    <rPh sb="9" eb="10">
      <t>カイ</t>
    </rPh>
    <phoneticPr fontId="1"/>
  </si>
  <si>
    <t>荒藻塩・雪藻塩（上記＋浜田産カジメ）</t>
    <rPh sb="0" eb="1">
      <t>アラ</t>
    </rPh>
    <rPh sb="1" eb="2">
      <t>モ</t>
    </rPh>
    <rPh sb="2" eb="3">
      <t>シオ</t>
    </rPh>
    <rPh sb="4" eb="5">
      <t>ユキ</t>
    </rPh>
    <rPh sb="5" eb="6">
      <t>モ</t>
    </rPh>
    <rPh sb="6" eb="7">
      <t>シオ</t>
    </rPh>
    <rPh sb="8" eb="10">
      <t>ジョウキ</t>
    </rPh>
    <rPh sb="11" eb="13">
      <t>ハマダ</t>
    </rPh>
    <rPh sb="13" eb="14">
      <t>サン</t>
    </rPh>
    <phoneticPr fontId="1"/>
  </si>
  <si>
    <t>697-0051</t>
    <phoneticPr fontId="1"/>
  </si>
  <si>
    <t>浜田市瀬戸ヶ島138-6</t>
    <rPh sb="0" eb="3">
      <t>ハマダシ</t>
    </rPh>
    <rPh sb="3" eb="7">
      <t>セトガシマ</t>
    </rPh>
    <phoneticPr fontId="1"/>
  </si>
  <si>
    <t>0855-28-7212</t>
    <phoneticPr fontId="1"/>
  </si>
  <si>
    <t>荒塩・雪塩（瀬戸ヶ島の海水を釜で炊きあげたもの）</t>
    <rPh sb="0" eb="1">
      <t>アラ</t>
    </rPh>
    <rPh sb="1" eb="2">
      <t>ジオ</t>
    </rPh>
    <rPh sb="3" eb="5">
      <t>ユキシオ</t>
    </rPh>
    <rPh sb="6" eb="10">
      <t>セトガシマ</t>
    </rPh>
    <rPh sb="11" eb="13">
      <t>カイスイ</t>
    </rPh>
    <rPh sb="14" eb="15">
      <t>カマ</t>
    </rPh>
    <rPh sb="16" eb="17">
      <t>タ</t>
    </rPh>
    <phoneticPr fontId="1"/>
  </si>
  <si>
    <t>高津川漁業協同組合</t>
    <rPh sb="0" eb="2">
      <t>タカツ</t>
    </rPh>
    <rPh sb="2" eb="3">
      <t>ガワ</t>
    </rPh>
    <rPh sb="3" eb="5">
      <t>ギョギョウ</t>
    </rPh>
    <rPh sb="5" eb="7">
      <t>キョウドウ</t>
    </rPh>
    <rPh sb="7" eb="9">
      <t>クミアイ</t>
    </rPh>
    <phoneticPr fontId="1"/>
  </si>
  <si>
    <t>天然アユ（島根県高津川産・生及び冷凍）</t>
    <rPh sb="0" eb="2">
      <t>テンネン</t>
    </rPh>
    <rPh sb="5" eb="8">
      <t>シマネケン</t>
    </rPh>
    <rPh sb="8" eb="10">
      <t>タカツ</t>
    </rPh>
    <rPh sb="10" eb="11">
      <t>ガワ</t>
    </rPh>
    <rPh sb="11" eb="12">
      <t>サン</t>
    </rPh>
    <rPh sb="13" eb="14">
      <t>ナマ</t>
    </rPh>
    <rPh sb="14" eb="15">
      <t>オヨ</t>
    </rPh>
    <rPh sb="16" eb="18">
      <t>レイトウ</t>
    </rPh>
    <phoneticPr fontId="1"/>
  </si>
  <si>
    <t>699-5133</t>
    <phoneticPr fontId="1"/>
  </si>
  <si>
    <t>益田市神田町イ６１４</t>
    <rPh sb="0" eb="3">
      <t>マスダシ</t>
    </rPh>
    <rPh sb="3" eb="5">
      <t>カンダ</t>
    </rPh>
    <rPh sb="5" eb="6">
      <t>チョウ</t>
    </rPh>
    <phoneticPr fontId="1"/>
  </si>
  <si>
    <t>0856-25-2911</t>
    <phoneticPr fontId="1"/>
  </si>
  <si>
    <t>0856-25-2973</t>
    <phoneticPr fontId="1"/>
  </si>
  <si>
    <t>(株)イトー農産</t>
    <rPh sb="1" eb="2">
      <t>カブ</t>
    </rPh>
    <rPh sb="6" eb="8">
      <t>ノウサン</t>
    </rPh>
    <phoneticPr fontId="1"/>
  </si>
  <si>
    <t>島根ホンモロコ（島根県産・活魚）</t>
    <rPh sb="0" eb="2">
      <t>シマネ</t>
    </rPh>
    <rPh sb="8" eb="11">
      <t>シマネケン</t>
    </rPh>
    <rPh sb="11" eb="12">
      <t>サン</t>
    </rPh>
    <rPh sb="13" eb="15">
      <t>カツギョ</t>
    </rPh>
    <phoneticPr fontId="1"/>
  </si>
  <si>
    <t>696-1142</t>
    <phoneticPr fontId="1"/>
  </si>
  <si>
    <t>邑智郡美郷町久喜原１９</t>
    <rPh sb="0" eb="3">
      <t>オオチグン</t>
    </rPh>
    <rPh sb="3" eb="5">
      <t>ミサト</t>
    </rPh>
    <rPh sb="5" eb="6">
      <t>チョウ</t>
    </rPh>
    <rPh sb="6" eb="8">
      <t>クキ</t>
    </rPh>
    <rPh sb="8" eb="9">
      <t>ハラ</t>
    </rPh>
    <phoneticPr fontId="1"/>
  </si>
  <si>
    <t>0855-77-0708</t>
    <phoneticPr fontId="1"/>
  </si>
  <si>
    <t>0855-77-0808</t>
    <phoneticPr fontId="1"/>
  </si>
  <si>
    <t>特定米穀・精米（邑智郡産）</t>
    <rPh sb="0" eb="2">
      <t>トクテイ</t>
    </rPh>
    <rPh sb="2" eb="4">
      <t>ベイコク</t>
    </rPh>
    <rPh sb="5" eb="7">
      <t>セイマイ</t>
    </rPh>
    <rPh sb="8" eb="11">
      <t>オオチグン</t>
    </rPh>
    <rPh sb="11" eb="12">
      <t>サン</t>
    </rPh>
    <phoneticPr fontId="1"/>
  </si>
  <si>
    <t>696-0001</t>
    <phoneticPr fontId="1"/>
  </si>
  <si>
    <t>邑智郡川本町大字川本１６５－４</t>
    <rPh sb="0" eb="3">
      <t>オオチグン</t>
    </rPh>
    <rPh sb="3" eb="5">
      <t>カワモト</t>
    </rPh>
    <rPh sb="5" eb="6">
      <t>チョウ</t>
    </rPh>
    <rPh sb="6" eb="8">
      <t>オオアザ</t>
    </rPh>
    <rPh sb="8" eb="10">
      <t>カワモト</t>
    </rPh>
    <phoneticPr fontId="1"/>
  </si>
  <si>
    <t>0855-72-0008</t>
    <phoneticPr fontId="1"/>
  </si>
  <si>
    <t>0855-74-2005</t>
    <phoneticPr fontId="1"/>
  </si>
  <si>
    <t>（有）藤屋</t>
    <rPh sb="1" eb="2">
      <t>ユウ</t>
    </rPh>
    <rPh sb="3" eb="4">
      <t>フジ</t>
    </rPh>
    <rPh sb="4" eb="5">
      <t>ヤ</t>
    </rPh>
    <phoneticPr fontId="1"/>
  </si>
  <si>
    <t>ベビーリーフ（島根県益田産）※「美味しまね認証」取得</t>
    <rPh sb="7" eb="10">
      <t>シマネケン</t>
    </rPh>
    <rPh sb="10" eb="12">
      <t>マスダ</t>
    </rPh>
    <rPh sb="12" eb="13">
      <t>サン</t>
    </rPh>
    <rPh sb="16" eb="18">
      <t>オイ</t>
    </rPh>
    <rPh sb="21" eb="23">
      <t>ニンショウ</t>
    </rPh>
    <rPh sb="24" eb="26">
      <t>シュトク</t>
    </rPh>
    <phoneticPr fontId="1"/>
  </si>
  <si>
    <t>698-0212</t>
    <phoneticPr fontId="1"/>
  </si>
  <si>
    <t>益田市美都町仙道５９５－１</t>
    <rPh sb="0" eb="3">
      <t>マスダシ</t>
    </rPh>
    <rPh sb="3" eb="6">
      <t>ミトチョウ</t>
    </rPh>
    <rPh sb="6" eb="8">
      <t>センドウ</t>
    </rPh>
    <phoneticPr fontId="1"/>
  </si>
  <si>
    <t>0856-52-3298</t>
    <phoneticPr fontId="1"/>
  </si>
  <si>
    <t>0856-52-3373</t>
    <phoneticPr fontId="1"/>
  </si>
  <si>
    <t>㈲アグリみと</t>
    <phoneticPr fontId="1"/>
  </si>
  <si>
    <t>百済浦の藻塩</t>
    <rPh sb="0" eb="1">
      <t>ヒャク</t>
    </rPh>
    <rPh sb="1" eb="2">
      <t>ズ</t>
    </rPh>
    <rPh sb="2" eb="3">
      <t>ウラ</t>
    </rPh>
    <rPh sb="4" eb="6">
      <t>モシオ</t>
    </rPh>
    <phoneticPr fontId="1"/>
  </si>
  <si>
    <t>694-0054</t>
    <phoneticPr fontId="1"/>
  </si>
  <si>
    <t>大田市黒井町鳥井1677</t>
    <rPh sb="0" eb="3">
      <t>オオダシ</t>
    </rPh>
    <rPh sb="3" eb="5">
      <t>クロイ</t>
    </rPh>
    <rPh sb="5" eb="6">
      <t>チョウ</t>
    </rPh>
    <rPh sb="6" eb="8">
      <t>トリイ</t>
    </rPh>
    <phoneticPr fontId="1"/>
  </si>
  <si>
    <t>0854-84-7081</t>
    <phoneticPr fontId="1"/>
  </si>
  <si>
    <t>藻塩（大田市沖・海水を窯で炊き上げ、海藻（アラメ）の煮汁を入れ、天日干し乾燥状態）</t>
    <rPh sb="0" eb="2">
      <t>モシオ</t>
    </rPh>
    <rPh sb="3" eb="6">
      <t>オオダシ</t>
    </rPh>
    <rPh sb="6" eb="7">
      <t>オキ</t>
    </rPh>
    <rPh sb="8" eb="10">
      <t>カイスイ</t>
    </rPh>
    <rPh sb="11" eb="12">
      <t>カマ</t>
    </rPh>
    <rPh sb="13" eb="14">
      <t>タ</t>
    </rPh>
    <rPh sb="15" eb="16">
      <t>ア</t>
    </rPh>
    <rPh sb="18" eb="20">
      <t>カイソウ</t>
    </rPh>
    <rPh sb="26" eb="28">
      <t>ニジル</t>
    </rPh>
    <rPh sb="29" eb="30">
      <t>イ</t>
    </rPh>
    <rPh sb="32" eb="34">
      <t>テンピ</t>
    </rPh>
    <rPh sb="34" eb="35">
      <t>ボ</t>
    </rPh>
    <rPh sb="36" eb="38">
      <t>カンソウ</t>
    </rPh>
    <rPh sb="38" eb="40">
      <t>ジョウタイ</t>
    </rPh>
    <phoneticPr fontId="1"/>
  </si>
  <si>
    <t>ファーム浮布株式会社</t>
    <rPh sb="4" eb="5">
      <t>ウキ</t>
    </rPh>
    <rPh sb="5" eb="6">
      <t>ヌノ</t>
    </rPh>
    <rPh sb="6" eb="10">
      <t>カブシキガイシャ</t>
    </rPh>
    <phoneticPr fontId="1"/>
  </si>
  <si>
    <t>694-0223</t>
    <phoneticPr fontId="1"/>
  </si>
  <si>
    <t>大田市三瓶町池田４１３－２</t>
    <rPh sb="0" eb="3">
      <t>オオダシ</t>
    </rPh>
    <rPh sb="3" eb="5">
      <t>サンベ</t>
    </rPh>
    <rPh sb="5" eb="6">
      <t>チョウ</t>
    </rPh>
    <rPh sb="6" eb="8">
      <t>イケダ</t>
    </rPh>
    <phoneticPr fontId="1"/>
  </si>
  <si>
    <t>0854-83-2588</t>
    <phoneticPr fontId="1"/>
  </si>
  <si>
    <t>0854-83-2544</t>
    <phoneticPr fontId="1"/>
  </si>
  <si>
    <t>青果</t>
    <rPh sb="0" eb="2">
      <t>セイカ</t>
    </rPh>
    <phoneticPr fontId="1"/>
  </si>
  <si>
    <t>番号</t>
    <rPh sb="0" eb="2">
      <t>バンゴウ</t>
    </rPh>
    <phoneticPr fontId="1"/>
  </si>
  <si>
    <t>区分</t>
    <rPh sb="0" eb="2">
      <t>クブン</t>
    </rPh>
    <phoneticPr fontId="1"/>
  </si>
  <si>
    <t>畜産</t>
    <rPh sb="0" eb="2">
      <t>チクサン</t>
    </rPh>
    <phoneticPr fontId="1"/>
  </si>
  <si>
    <t>水産</t>
    <rPh sb="0" eb="2">
      <t>スイサン</t>
    </rPh>
    <phoneticPr fontId="1"/>
  </si>
  <si>
    <t>日配</t>
    <rPh sb="0" eb="1">
      <t>ニチ</t>
    </rPh>
    <rPh sb="1" eb="2">
      <t>ハイ</t>
    </rPh>
    <phoneticPr fontId="1"/>
  </si>
  <si>
    <t>調味料</t>
    <rPh sb="0" eb="3">
      <t>チョウミリョウ</t>
    </rPh>
    <phoneticPr fontId="1"/>
  </si>
  <si>
    <t>グロサリー</t>
    <phoneticPr fontId="1"/>
  </si>
  <si>
    <t>3～7月、10月～1月</t>
    <rPh sb="3" eb="4">
      <t>ガツ</t>
    </rPh>
    <rPh sb="7" eb="8">
      <t>ガツ</t>
    </rPh>
    <rPh sb="10" eb="11">
      <t>ガツ</t>
    </rPh>
    <phoneticPr fontId="1"/>
  </si>
  <si>
    <t>米、米粉、餅粉（島根県産コシヒカリ・玄米／精米）※「美味しまね認証」取得。島根県産エコロジー農産物。</t>
    <rPh sb="0" eb="1">
      <t>コメ</t>
    </rPh>
    <rPh sb="2" eb="4">
      <t>コメコ</t>
    </rPh>
    <rPh sb="5" eb="6">
      <t>モチ</t>
    </rPh>
    <rPh sb="6" eb="7">
      <t>コ</t>
    </rPh>
    <rPh sb="8" eb="11">
      <t>シマネケン</t>
    </rPh>
    <rPh sb="11" eb="12">
      <t>サン</t>
    </rPh>
    <rPh sb="18" eb="20">
      <t>ゲンマイ</t>
    </rPh>
    <rPh sb="21" eb="23">
      <t>セイマイ</t>
    </rPh>
    <rPh sb="26" eb="28">
      <t>オイ</t>
    </rPh>
    <rPh sb="31" eb="33">
      <t>ニンショウ</t>
    </rPh>
    <rPh sb="34" eb="36">
      <t>シュトク</t>
    </rPh>
    <rPh sb="37" eb="40">
      <t>シマネケン</t>
    </rPh>
    <rPh sb="40" eb="41">
      <t>サン</t>
    </rPh>
    <rPh sb="46" eb="49">
      <t>ノウサンブツ</t>
    </rPh>
    <phoneticPr fontId="1"/>
  </si>
  <si>
    <t>0853-72-0040</t>
    <phoneticPr fontId="5"/>
  </si>
  <si>
    <t>10～2000ｋｇ</t>
    <phoneticPr fontId="1"/>
  </si>
  <si>
    <t>1000kg</t>
    <phoneticPr fontId="1"/>
  </si>
  <si>
    <t>10～2000ｋｇ</t>
    <phoneticPr fontId="1"/>
  </si>
  <si>
    <t>ヤマトシジミ（2L、L、M、Ｓ　各サイズ/宍道湖産）</t>
    <rPh sb="16" eb="17">
      <t>カク</t>
    </rPh>
    <phoneticPr fontId="1"/>
  </si>
  <si>
    <t>0854-22-3080</t>
    <phoneticPr fontId="1"/>
  </si>
  <si>
    <t>10～6月頃</t>
    <rPh sb="4" eb="5">
      <t>ガツ</t>
    </rPh>
    <rPh sb="5" eb="6">
      <t>コロ</t>
    </rPh>
    <phoneticPr fontId="1"/>
  </si>
  <si>
    <t>11月～6月</t>
    <rPh sb="2" eb="3">
      <t>ガツ</t>
    </rPh>
    <rPh sb="5" eb="6">
      <t>ガツ</t>
    </rPh>
    <phoneticPr fontId="1"/>
  </si>
  <si>
    <t>5月～11月末</t>
    <rPh sb="1" eb="2">
      <t>ガツ</t>
    </rPh>
    <rPh sb="5" eb="6">
      <t>ガツ</t>
    </rPh>
    <rPh sb="6" eb="7">
      <t>マツ</t>
    </rPh>
    <phoneticPr fontId="1"/>
  </si>
  <si>
    <t>5月中旬～下旬</t>
    <rPh sb="1" eb="2">
      <t>ガツ</t>
    </rPh>
    <rPh sb="2" eb="4">
      <t>チュウジュン</t>
    </rPh>
    <rPh sb="5" eb="7">
      <t>ゲジュン</t>
    </rPh>
    <phoneticPr fontId="1"/>
  </si>
  <si>
    <t>9～11月初旬</t>
    <rPh sb="4" eb="5">
      <t>ガツ</t>
    </rPh>
    <rPh sb="5" eb="7">
      <t>ショジュン</t>
    </rPh>
    <phoneticPr fontId="5"/>
  </si>
  <si>
    <t>通年（ご注文は2年前まで）</t>
    <rPh sb="0" eb="2">
      <t>ツウネン</t>
    </rPh>
    <rPh sb="4" eb="6">
      <t>チュウモン</t>
    </rPh>
    <rPh sb="8" eb="10">
      <t>ネンマエ</t>
    </rPh>
    <phoneticPr fontId="1"/>
  </si>
  <si>
    <t>100ｋｇ／日</t>
    <rPh sb="6" eb="7">
      <t>ニチ</t>
    </rPh>
    <phoneticPr fontId="1"/>
  </si>
  <si>
    <t>90ｋｇ/1日</t>
    <rPh sb="6" eb="7">
      <t>ニチ</t>
    </rPh>
    <phoneticPr fontId="1"/>
  </si>
  <si>
    <t xml:space="preserve">08514-2-1105 </t>
    <phoneticPr fontId="1"/>
  </si>
  <si>
    <t>(株)中村水産</t>
    <rPh sb="0" eb="3">
      <t>カブ</t>
    </rPh>
    <rPh sb="3" eb="5">
      <t>ナカムラ</t>
    </rPh>
    <rPh sb="5" eb="7">
      <t>スイサン</t>
    </rPh>
    <phoneticPr fontId="1"/>
  </si>
  <si>
    <t>浜田産穴子開き原料</t>
    <rPh sb="0" eb="2">
      <t>ハマダ</t>
    </rPh>
    <rPh sb="2" eb="3">
      <t>サン</t>
    </rPh>
    <rPh sb="3" eb="5">
      <t>アナゴ</t>
    </rPh>
    <rPh sb="5" eb="6">
      <t>ヒラ</t>
    </rPh>
    <rPh sb="7" eb="9">
      <t>ゲンリョウ</t>
    </rPh>
    <phoneticPr fontId="1"/>
  </si>
  <si>
    <t>島根県浜田市原井町3050-33</t>
    <rPh sb="0" eb="3">
      <t>シマネケン</t>
    </rPh>
    <rPh sb="3" eb="6">
      <t>ハマダシ</t>
    </rPh>
    <rPh sb="6" eb="9">
      <t>ハライチョウ</t>
    </rPh>
    <phoneticPr fontId="1"/>
  </si>
  <si>
    <t>0855-22-8002</t>
    <phoneticPr fontId="1"/>
  </si>
  <si>
    <t>0855-22-8001</t>
    <phoneticPr fontId="1"/>
  </si>
  <si>
    <t>697-0017</t>
    <phoneticPr fontId="1"/>
  </si>
  <si>
    <t>追加</t>
    <rPh sb="0" eb="2">
      <t>ツイカ</t>
    </rPh>
    <phoneticPr fontId="1"/>
  </si>
  <si>
    <t>（農）のきの郷</t>
    <rPh sb="1" eb="2">
      <t>ノウ</t>
    </rPh>
    <rPh sb="6" eb="7">
      <t>サト</t>
    </rPh>
    <phoneticPr fontId="1"/>
  </si>
  <si>
    <t>なたね油（安来産菜種・焙煎圧搾しぼり）</t>
    <rPh sb="3" eb="4">
      <t>アブラ</t>
    </rPh>
    <rPh sb="5" eb="7">
      <t>ヤスギ</t>
    </rPh>
    <rPh sb="7" eb="8">
      <t>サン</t>
    </rPh>
    <rPh sb="8" eb="10">
      <t>ナタネ</t>
    </rPh>
    <rPh sb="11" eb="13">
      <t>バイセン</t>
    </rPh>
    <rPh sb="13" eb="15">
      <t>アッサク</t>
    </rPh>
    <phoneticPr fontId="1"/>
  </si>
  <si>
    <t>692-0054</t>
    <phoneticPr fontId="1"/>
  </si>
  <si>
    <t>安来市利弘町922-3</t>
    <rPh sb="0" eb="3">
      <t>ヤスギシ</t>
    </rPh>
    <rPh sb="3" eb="6">
      <t>トシヒロチョウ</t>
    </rPh>
    <phoneticPr fontId="1"/>
  </si>
  <si>
    <t>0854-22-2580</t>
    <phoneticPr fontId="1"/>
  </si>
  <si>
    <t>そば実（安来産）</t>
    <rPh sb="2" eb="3">
      <t>ミ</t>
    </rPh>
    <rPh sb="4" eb="6">
      <t>ヤスギ</t>
    </rPh>
    <rPh sb="6" eb="7">
      <t>サン</t>
    </rPh>
    <phoneticPr fontId="1"/>
  </si>
  <si>
    <t>692-0054</t>
    <phoneticPr fontId="1"/>
  </si>
  <si>
    <t>0854-22-2580</t>
    <phoneticPr fontId="1"/>
  </si>
  <si>
    <t>米10000kg
米粉500kg
餅粉300kg</t>
    <phoneticPr fontId="1"/>
  </si>
  <si>
    <t>ニンジン（産地：奥出雲町）</t>
  </si>
  <si>
    <t>株式会社うちの子も夢中です</t>
    <phoneticPr fontId="1"/>
  </si>
  <si>
    <t>カラフルニンジン（産地：奥出雲町）</t>
    <phoneticPr fontId="1"/>
  </si>
  <si>
    <t>概ね7月～翌3月</t>
    <rPh sb="0" eb="1">
      <t>オオム</t>
    </rPh>
    <rPh sb="3" eb="4">
      <t>ガツ</t>
    </rPh>
    <rPh sb="5" eb="6">
      <t>ヨク</t>
    </rPh>
    <rPh sb="7" eb="8">
      <t>ガツ</t>
    </rPh>
    <phoneticPr fontId="1"/>
  </si>
  <si>
    <t>島根県仁多郡奥出雲町大谷840-1</t>
    <rPh sb="0" eb="10">
      <t>シマネケンニタグンオクイズモチョウ</t>
    </rPh>
    <rPh sb="10" eb="12">
      <t>オオタニ</t>
    </rPh>
    <phoneticPr fontId="1"/>
  </si>
  <si>
    <t>090-2548-2079</t>
    <phoneticPr fontId="1"/>
  </si>
  <si>
    <t>0852-35-5167</t>
    <phoneticPr fontId="1"/>
  </si>
  <si>
    <t>699-1812</t>
    <phoneticPr fontId="1"/>
  </si>
  <si>
    <t>石見ポーク（島根県産豚肉・冷蔵・冷凍・スライス対応可）</t>
    <rPh sb="0" eb="2">
      <t>イワミ</t>
    </rPh>
    <rPh sb="6" eb="8">
      <t>シマネ</t>
    </rPh>
    <rPh sb="8" eb="9">
      <t>ケン</t>
    </rPh>
    <rPh sb="9" eb="10">
      <t>サン</t>
    </rPh>
    <rPh sb="10" eb="12">
      <t>ブタニク</t>
    </rPh>
    <rPh sb="13" eb="15">
      <t>レイゾウ</t>
    </rPh>
    <rPh sb="16" eb="18">
      <t>レイトウ</t>
    </rPh>
    <rPh sb="23" eb="25">
      <t>タイオウ</t>
    </rPh>
    <rPh sb="25" eb="26">
      <t>カ</t>
    </rPh>
    <phoneticPr fontId="1"/>
  </si>
  <si>
    <t>豚ホルモン（国産・冷蔵・冷凍）</t>
    <rPh sb="0" eb="1">
      <t>ブタ</t>
    </rPh>
    <rPh sb="6" eb="8">
      <t>コクサン</t>
    </rPh>
    <rPh sb="9" eb="11">
      <t>レイゾウ</t>
    </rPh>
    <rPh sb="12" eb="14">
      <t>レイトウ</t>
    </rPh>
    <phoneticPr fontId="1"/>
  </si>
  <si>
    <t>㈲ディブロ</t>
    <phoneticPr fontId="1"/>
  </si>
  <si>
    <t>696-0103</t>
    <phoneticPr fontId="1"/>
  </si>
  <si>
    <t>島根県邑智郡邑南町矢上4605</t>
    <rPh sb="0" eb="3">
      <t>シマネケン</t>
    </rPh>
    <rPh sb="3" eb="6">
      <t>オオチグン</t>
    </rPh>
    <rPh sb="6" eb="9">
      <t>オオナンチョウ</t>
    </rPh>
    <rPh sb="9" eb="11">
      <t>ヤカミ</t>
    </rPh>
    <phoneticPr fontId="1"/>
  </si>
  <si>
    <t>0855-95-1585</t>
    <phoneticPr fontId="1"/>
  </si>
  <si>
    <t>0855-95-2330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sz val="6"/>
      <name val="ＭＳ Ｐゴシック"/>
      <family val="3"/>
      <charset val="128"/>
    </font>
    <font>
      <sz val="10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0"/>
      <color indexed="8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u/>
      <sz val="11"/>
      <color theme="10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>
      <alignment vertical="center"/>
    </xf>
    <xf numFmtId="0" fontId="13" fillId="0" borderId="0" applyNumberFormat="0" applyFill="0" applyBorder="0" applyAlignment="0" applyProtection="0">
      <alignment vertical="center"/>
    </xf>
  </cellStyleXfs>
  <cellXfs count="35">
    <xf numFmtId="0" fontId="0" fillId="0" borderId="0" xfId="0">
      <alignment vertical="center"/>
    </xf>
    <xf numFmtId="0" fontId="3" fillId="0" borderId="0" xfId="0" applyFont="1">
      <alignment vertical="center"/>
    </xf>
    <xf numFmtId="0" fontId="6" fillId="0" borderId="0" xfId="0" applyFont="1">
      <alignment vertical="center"/>
    </xf>
    <xf numFmtId="0" fontId="4" fillId="0" borderId="0" xfId="0" applyFont="1">
      <alignment vertical="center"/>
    </xf>
    <xf numFmtId="0" fontId="7" fillId="0" borderId="1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7" fillId="0" borderId="1" xfId="0" applyFont="1" applyBorder="1">
      <alignment vertical="center"/>
    </xf>
    <xf numFmtId="0" fontId="8" fillId="0" borderId="1" xfId="0" applyFont="1" applyFill="1" applyBorder="1" applyAlignment="1">
      <alignment vertical="center" shrinkToFit="1"/>
    </xf>
    <xf numFmtId="0" fontId="8" fillId="0" borderId="1" xfId="0" applyFont="1" applyBorder="1" applyAlignment="1">
      <alignment vertical="center" shrinkToFit="1"/>
    </xf>
    <xf numFmtId="0" fontId="7" fillId="0" borderId="0" xfId="0" applyFont="1">
      <alignment vertical="center"/>
    </xf>
    <xf numFmtId="0" fontId="9" fillId="0" borderId="1" xfId="0" applyFont="1" applyFill="1" applyBorder="1" applyAlignment="1">
      <alignment vertical="center" shrinkToFit="1"/>
    </xf>
    <xf numFmtId="0" fontId="9" fillId="0" borderId="1" xfId="0" applyFont="1" applyBorder="1" applyAlignment="1">
      <alignment vertical="center" shrinkToFit="1"/>
    </xf>
    <xf numFmtId="0" fontId="10" fillId="0" borderId="1" xfId="0" applyFont="1" applyFill="1" applyBorder="1" applyAlignment="1">
      <alignment vertical="center" shrinkToFit="1"/>
    </xf>
    <xf numFmtId="0" fontId="10" fillId="0" borderId="1" xfId="0" applyFont="1" applyBorder="1" applyAlignment="1">
      <alignment vertical="center" shrinkToFit="1"/>
    </xf>
    <xf numFmtId="0" fontId="10" fillId="0" borderId="1" xfId="0" applyFont="1" applyFill="1" applyBorder="1" applyAlignment="1">
      <alignment horizontal="left" vertical="center" shrinkToFit="1"/>
    </xf>
    <xf numFmtId="0" fontId="10" fillId="0" borderId="2" xfId="0" applyFont="1" applyBorder="1" applyAlignment="1">
      <alignment horizontal="left" vertical="center" shrinkToFit="1"/>
    </xf>
    <xf numFmtId="0" fontId="11" fillId="0" borderId="1" xfId="0" applyFont="1" applyBorder="1" applyAlignment="1">
      <alignment vertical="center" shrinkToFit="1"/>
    </xf>
    <xf numFmtId="0" fontId="12" fillId="0" borderId="1" xfId="0" applyFont="1" applyBorder="1" applyAlignment="1">
      <alignment vertical="center" wrapText="1"/>
    </xf>
    <xf numFmtId="0" fontId="12" fillId="0" borderId="1" xfId="0" applyFont="1" applyBorder="1" applyAlignment="1">
      <alignment vertical="center" shrinkToFit="1"/>
    </xf>
    <xf numFmtId="0" fontId="8" fillId="0" borderId="1" xfId="0" applyFont="1" applyBorder="1">
      <alignment vertical="center"/>
    </xf>
    <xf numFmtId="0" fontId="7" fillId="0" borderId="1" xfId="0" applyFont="1" applyBorder="1" applyAlignment="1">
      <alignment vertical="center" shrinkToFit="1"/>
    </xf>
    <xf numFmtId="0" fontId="8" fillId="0" borderId="1" xfId="0" applyFont="1" applyBorder="1" applyAlignment="1">
      <alignment vertical="center" wrapText="1" shrinkToFit="1"/>
    </xf>
    <xf numFmtId="0" fontId="8" fillId="0" borderId="1" xfId="0" applyFont="1" applyBorder="1" applyAlignment="1">
      <alignment vertical="center"/>
    </xf>
    <xf numFmtId="0" fontId="8" fillId="0" borderId="1" xfId="0" applyFont="1" applyBorder="1" applyAlignment="1">
      <alignment vertical="center" wrapText="1"/>
    </xf>
    <xf numFmtId="0" fontId="8" fillId="0" borderId="1" xfId="0" applyFont="1" applyBorder="1" applyAlignment="1">
      <alignment horizontal="center" vertical="center"/>
    </xf>
    <xf numFmtId="0" fontId="9" fillId="0" borderId="1" xfId="0" applyFont="1" applyBorder="1">
      <alignment vertical="center"/>
    </xf>
    <xf numFmtId="0" fontId="10" fillId="0" borderId="1" xfId="0" applyFont="1" applyBorder="1">
      <alignment vertical="center"/>
    </xf>
    <xf numFmtId="0" fontId="10" fillId="0" borderId="1" xfId="0" applyFont="1" applyFill="1" applyBorder="1">
      <alignment vertical="center"/>
    </xf>
    <xf numFmtId="0" fontId="8" fillId="0" borderId="1" xfId="0" applyFont="1" applyFill="1" applyBorder="1">
      <alignment vertical="center"/>
    </xf>
    <xf numFmtId="0" fontId="8" fillId="0" borderId="0" xfId="0" applyFont="1" applyFill="1">
      <alignment vertical="center"/>
    </xf>
    <xf numFmtId="0" fontId="7" fillId="0" borderId="3" xfId="0" applyFont="1" applyBorder="1">
      <alignment vertical="center"/>
    </xf>
    <xf numFmtId="0" fontId="3" fillId="0" borderId="0" xfId="0" applyFont="1" applyBorder="1">
      <alignment vertical="center"/>
    </xf>
    <xf numFmtId="0" fontId="13" fillId="0" borderId="3" xfId="1" applyBorder="1" applyAlignment="1">
      <alignment vertical="center" shrinkToFit="1"/>
    </xf>
    <xf numFmtId="0" fontId="7" fillId="0" borderId="0" xfId="0" applyFont="1" applyBorder="1">
      <alignment vertical="center"/>
    </xf>
    <xf numFmtId="0" fontId="7" fillId="0" borderId="1" xfId="0" applyFont="1" applyFill="1" applyBorder="1">
      <alignment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203"/>
  <sheetViews>
    <sheetView tabSelected="1" zoomScaleNormal="100" zoomScaleSheetLayoutView="100" workbookViewId="0"/>
  </sheetViews>
  <sheetFormatPr defaultRowHeight="13.5" x14ac:dyDescent="0.15"/>
  <cols>
    <col min="1" max="1" width="6.375" customWidth="1"/>
    <col min="2" max="2" width="9.375" customWidth="1"/>
    <col min="3" max="3" width="30.625" customWidth="1"/>
    <col min="4" max="4" width="65.25" customWidth="1"/>
    <col min="5" max="5" width="14.5" customWidth="1"/>
    <col min="6" max="6" width="19.375" customWidth="1"/>
    <col min="7" max="7" width="9.25" style="2" customWidth="1"/>
    <col min="8" max="8" width="30.5" customWidth="1"/>
    <col min="9" max="10" width="17.25" style="2" customWidth="1"/>
  </cols>
  <sheetData>
    <row r="1" spans="1:10" s="5" customFormat="1" ht="21.75" customHeight="1" x14ac:dyDescent="0.15">
      <c r="A1" s="4" t="s">
        <v>362</v>
      </c>
      <c r="B1" s="4" t="s">
        <v>363</v>
      </c>
      <c r="C1" s="4" t="s">
        <v>0</v>
      </c>
      <c r="D1" s="4" t="s">
        <v>4</v>
      </c>
      <c r="E1" s="4" t="s">
        <v>5</v>
      </c>
      <c r="F1" s="4" t="s">
        <v>6</v>
      </c>
      <c r="G1" s="24" t="s">
        <v>139</v>
      </c>
      <c r="H1" s="4" t="s">
        <v>140</v>
      </c>
      <c r="I1" s="24" t="s">
        <v>1</v>
      </c>
      <c r="J1" s="24" t="s">
        <v>2</v>
      </c>
    </row>
    <row r="2" spans="1:10" s="9" customFormat="1" ht="14.25" customHeight="1" x14ac:dyDescent="0.15">
      <c r="A2" s="6">
        <v>1</v>
      </c>
      <c r="B2" s="6" t="s">
        <v>361</v>
      </c>
      <c r="C2" s="7" t="s">
        <v>7</v>
      </c>
      <c r="D2" s="8" t="s">
        <v>9</v>
      </c>
      <c r="E2" s="8" t="s">
        <v>10</v>
      </c>
      <c r="F2" s="8" t="s">
        <v>11</v>
      </c>
      <c r="G2" s="8" t="s">
        <v>162</v>
      </c>
      <c r="H2" s="8" t="s">
        <v>161</v>
      </c>
      <c r="I2" s="19" t="s">
        <v>12</v>
      </c>
      <c r="J2" s="19" t="s">
        <v>12</v>
      </c>
    </row>
    <row r="3" spans="1:10" s="9" customFormat="1" ht="14.25" customHeight="1" x14ac:dyDescent="0.15">
      <c r="A3" s="6">
        <v>2</v>
      </c>
      <c r="B3" s="6" t="s">
        <v>361</v>
      </c>
      <c r="C3" s="7" t="s">
        <v>16</v>
      </c>
      <c r="D3" s="8" t="s">
        <v>19</v>
      </c>
      <c r="E3" s="8" t="s">
        <v>3</v>
      </c>
      <c r="F3" s="8" t="s">
        <v>41</v>
      </c>
      <c r="G3" s="8" t="s">
        <v>164</v>
      </c>
      <c r="H3" s="8" t="s">
        <v>163</v>
      </c>
      <c r="I3" s="19" t="s">
        <v>17</v>
      </c>
      <c r="J3" s="19" t="s">
        <v>18</v>
      </c>
    </row>
    <row r="4" spans="1:10" s="9" customFormat="1" ht="14.25" customHeight="1" x14ac:dyDescent="0.15">
      <c r="A4" s="6">
        <v>3</v>
      </c>
      <c r="B4" s="6" t="s">
        <v>361</v>
      </c>
      <c r="C4" s="7" t="s">
        <v>22</v>
      </c>
      <c r="D4" s="8" t="s">
        <v>23</v>
      </c>
      <c r="E4" s="8" t="s">
        <v>3</v>
      </c>
      <c r="F4" s="8" t="s">
        <v>41</v>
      </c>
      <c r="G4" s="8" t="s">
        <v>167</v>
      </c>
      <c r="H4" s="8" t="s">
        <v>168</v>
      </c>
      <c r="I4" s="19" t="s">
        <v>24</v>
      </c>
      <c r="J4" s="19" t="s">
        <v>25</v>
      </c>
    </row>
    <row r="5" spans="1:10" s="9" customFormat="1" ht="14.25" customHeight="1" x14ac:dyDescent="0.15">
      <c r="A5" s="6">
        <v>4</v>
      </c>
      <c r="B5" s="6" t="s">
        <v>361</v>
      </c>
      <c r="C5" s="7" t="s">
        <v>22</v>
      </c>
      <c r="D5" s="8" t="s">
        <v>26</v>
      </c>
      <c r="E5" s="8" t="s">
        <v>3</v>
      </c>
      <c r="F5" s="8" t="s">
        <v>41</v>
      </c>
      <c r="G5" s="8" t="s">
        <v>167</v>
      </c>
      <c r="H5" s="8" t="s">
        <v>168</v>
      </c>
      <c r="I5" s="19" t="s">
        <v>24</v>
      </c>
      <c r="J5" s="19" t="s">
        <v>25</v>
      </c>
    </row>
    <row r="6" spans="1:10" s="9" customFormat="1" ht="14.25" customHeight="1" x14ac:dyDescent="0.15">
      <c r="A6" s="6">
        <v>5</v>
      </c>
      <c r="B6" s="6" t="s">
        <v>361</v>
      </c>
      <c r="C6" s="7" t="s">
        <v>33</v>
      </c>
      <c r="D6" s="8" t="s">
        <v>27</v>
      </c>
      <c r="E6" s="8" t="s">
        <v>3</v>
      </c>
      <c r="F6" s="8" t="s">
        <v>377</v>
      </c>
      <c r="G6" s="8" t="s">
        <v>145</v>
      </c>
      <c r="H6" s="8" t="s">
        <v>169</v>
      </c>
      <c r="I6" s="19" t="s">
        <v>28</v>
      </c>
      <c r="J6" s="19" t="s">
        <v>28</v>
      </c>
    </row>
    <row r="7" spans="1:10" s="9" customFormat="1" ht="14.25" customHeight="1" x14ac:dyDescent="0.15">
      <c r="A7" s="6">
        <v>6</v>
      </c>
      <c r="B7" s="6" t="s">
        <v>361</v>
      </c>
      <c r="C7" s="7" t="s">
        <v>34</v>
      </c>
      <c r="D7" s="8" t="s">
        <v>29</v>
      </c>
      <c r="E7" s="8" t="s">
        <v>3</v>
      </c>
      <c r="F7" s="8" t="s">
        <v>41</v>
      </c>
      <c r="G7" s="8" t="s">
        <v>170</v>
      </c>
      <c r="H7" s="8" t="s">
        <v>171</v>
      </c>
      <c r="I7" s="19" t="s">
        <v>30</v>
      </c>
      <c r="J7" s="19" t="s">
        <v>31</v>
      </c>
    </row>
    <row r="8" spans="1:10" s="9" customFormat="1" ht="14.25" customHeight="1" x14ac:dyDescent="0.15">
      <c r="A8" s="6">
        <v>7</v>
      </c>
      <c r="B8" s="6" t="s">
        <v>361</v>
      </c>
      <c r="C8" s="7" t="s">
        <v>34</v>
      </c>
      <c r="D8" s="8" t="s">
        <v>32</v>
      </c>
      <c r="E8" s="8" t="s">
        <v>3</v>
      </c>
      <c r="F8" s="8" t="s">
        <v>378</v>
      </c>
      <c r="G8" s="8" t="s">
        <v>170</v>
      </c>
      <c r="H8" s="8" t="s">
        <v>171</v>
      </c>
      <c r="I8" s="19" t="s">
        <v>30</v>
      </c>
      <c r="J8" s="19" t="s">
        <v>31</v>
      </c>
    </row>
    <row r="9" spans="1:10" s="9" customFormat="1" ht="14.25" customHeight="1" x14ac:dyDescent="0.15">
      <c r="A9" s="6">
        <v>8</v>
      </c>
      <c r="B9" s="6" t="s">
        <v>361</v>
      </c>
      <c r="C9" s="7" t="s">
        <v>91</v>
      </c>
      <c r="D9" s="8" t="s">
        <v>92</v>
      </c>
      <c r="E9" s="8" t="s">
        <v>93</v>
      </c>
      <c r="F9" s="8" t="s">
        <v>41</v>
      </c>
      <c r="G9" s="8" t="s">
        <v>151</v>
      </c>
      <c r="H9" s="8" t="s">
        <v>150</v>
      </c>
      <c r="I9" s="19" t="s">
        <v>89</v>
      </c>
      <c r="J9" s="19" t="s">
        <v>90</v>
      </c>
    </row>
    <row r="10" spans="1:10" s="9" customFormat="1" ht="14.25" customHeight="1" x14ac:dyDescent="0.15">
      <c r="A10" s="6">
        <v>9</v>
      </c>
      <c r="B10" s="6" t="s">
        <v>361</v>
      </c>
      <c r="C10" s="7" t="s">
        <v>91</v>
      </c>
      <c r="D10" s="8" t="s">
        <v>94</v>
      </c>
      <c r="E10" s="8" t="s">
        <v>93</v>
      </c>
      <c r="F10" s="8" t="s">
        <v>379</v>
      </c>
      <c r="G10" s="8" t="s">
        <v>151</v>
      </c>
      <c r="H10" s="8" t="s">
        <v>150</v>
      </c>
      <c r="I10" s="19" t="s">
        <v>89</v>
      </c>
      <c r="J10" s="19" t="s">
        <v>90</v>
      </c>
    </row>
    <row r="11" spans="1:10" s="9" customFormat="1" ht="14.25" customHeight="1" x14ac:dyDescent="0.15">
      <c r="A11" s="6">
        <v>10</v>
      </c>
      <c r="B11" s="6" t="s">
        <v>361</v>
      </c>
      <c r="C11" s="7" t="s">
        <v>66</v>
      </c>
      <c r="D11" s="8" t="s">
        <v>62</v>
      </c>
      <c r="E11" s="8" t="s">
        <v>3</v>
      </c>
      <c r="F11" s="8" t="s">
        <v>380</v>
      </c>
      <c r="G11" s="8" t="s">
        <v>182</v>
      </c>
      <c r="H11" s="8" t="s">
        <v>183</v>
      </c>
      <c r="I11" s="19" t="s">
        <v>63</v>
      </c>
      <c r="J11" s="19" t="s">
        <v>64</v>
      </c>
    </row>
    <row r="12" spans="1:10" s="9" customFormat="1" ht="14.25" customHeight="1" x14ac:dyDescent="0.15">
      <c r="A12" s="6">
        <v>11</v>
      </c>
      <c r="B12" s="6" t="s">
        <v>361</v>
      </c>
      <c r="C12" s="7" t="s">
        <v>66</v>
      </c>
      <c r="D12" s="8" t="s">
        <v>65</v>
      </c>
      <c r="E12" s="8" t="s">
        <v>3</v>
      </c>
      <c r="F12" s="8" t="s">
        <v>52</v>
      </c>
      <c r="G12" s="8" t="s">
        <v>182</v>
      </c>
      <c r="H12" s="8" t="s">
        <v>183</v>
      </c>
      <c r="I12" s="19" t="s">
        <v>63</v>
      </c>
      <c r="J12" s="19" t="s">
        <v>64</v>
      </c>
    </row>
    <row r="13" spans="1:10" s="9" customFormat="1" ht="14.25" customHeight="1" x14ac:dyDescent="0.15">
      <c r="A13" s="6">
        <v>12</v>
      </c>
      <c r="B13" s="6" t="s">
        <v>361</v>
      </c>
      <c r="C13" s="10" t="s">
        <v>95</v>
      </c>
      <c r="D13" s="11" t="s">
        <v>99</v>
      </c>
      <c r="E13" s="11" t="s">
        <v>81</v>
      </c>
      <c r="F13" s="11" t="s">
        <v>381</v>
      </c>
      <c r="G13" s="8" t="s">
        <v>148</v>
      </c>
      <c r="H13" s="8" t="s">
        <v>149</v>
      </c>
      <c r="I13" s="25" t="s">
        <v>97</v>
      </c>
      <c r="J13" s="25" t="s">
        <v>98</v>
      </c>
    </row>
    <row r="14" spans="1:10" s="9" customFormat="1" ht="14.25" customHeight="1" x14ac:dyDescent="0.15">
      <c r="A14" s="6">
        <v>13</v>
      </c>
      <c r="B14" s="6" t="s">
        <v>361</v>
      </c>
      <c r="C14" s="7" t="s">
        <v>109</v>
      </c>
      <c r="D14" s="8" t="s">
        <v>114</v>
      </c>
      <c r="E14" s="11" t="s">
        <v>81</v>
      </c>
      <c r="F14" s="11" t="s">
        <v>81</v>
      </c>
      <c r="G14" s="8" t="s">
        <v>141</v>
      </c>
      <c r="H14" s="8" t="s">
        <v>142</v>
      </c>
      <c r="I14" s="22" t="s">
        <v>110</v>
      </c>
      <c r="J14" s="22" t="s">
        <v>111</v>
      </c>
    </row>
    <row r="15" spans="1:10" s="9" customFormat="1" ht="14.25" customHeight="1" x14ac:dyDescent="0.15">
      <c r="A15" s="6">
        <v>14</v>
      </c>
      <c r="B15" s="6" t="s">
        <v>361</v>
      </c>
      <c r="C15" s="7" t="s">
        <v>109</v>
      </c>
      <c r="D15" s="8" t="s">
        <v>115</v>
      </c>
      <c r="E15" s="11" t="s">
        <v>81</v>
      </c>
      <c r="F15" s="11" t="s">
        <v>81</v>
      </c>
      <c r="G15" s="8" t="s">
        <v>141</v>
      </c>
      <c r="H15" s="8" t="s">
        <v>142</v>
      </c>
      <c r="I15" s="22" t="s">
        <v>110</v>
      </c>
      <c r="J15" s="22" t="s">
        <v>111</v>
      </c>
    </row>
    <row r="16" spans="1:10" s="9" customFormat="1" ht="14.25" customHeight="1" x14ac:dyDescent="0.15">
      <c r="A16" s="6">
        <v>15</v>
      </c>
      <c r="B16" s="6" t="s">
        <v>361</v>
      </c>
      <c r="C16" s="7" t="s">
        <v>126</v>
      </c>
      <c r="D16" s="8" t="s">
        <v>128</v>
      </c>
      <c r="E16" s="8" t="s">
        <v>3</v>
      </c>
      <c r="F16" s="8" t="s">
        <v>41</v>
      </c>
      <c r="G16" s="8" t="s">
        <v>146</v>
      </c>
      <c r="H16" s="8" t="s">
        <v>187</v>
      </c>
      <c r="I16" s="19" t="s">
        <v>124</v>
      </c>
      <c r="J16" s="19" t="s">
        <v>125</v>
      </c>
    </row>
    <row r="17" spans="1:12" s="9" customFormat="1" ht="14.25" customHeight="1" x14ac:dyDescent="0.15">
      <c r="A17" s="6">
        <v>16</v>
      </c>
      <c r="B17" s="6" t="s">
        <v>361</v>
      </c>
      <c r="C17" s="7" t="s">
        <v>126</v>
      </c>
      <c r="D17" s="8" t="s">
        <v>130</v>
      </c>
      <c r="E17" s="8" t="s">
        <v>3</v>
      </c>
      <c r="F17" s="8" t="s">
        <v>41</v>
      </c>
      <c r="G17" s="8" t="s">
        <v>146</v>
      </c>
      <c r="H17" s="8" t="s">
        <v>187</v>
      </c>
      <c r="I17" s="19" t="s">
        <v>124</v>
      </c>
      <c r="J17" s="19" t="s">
        <v>125</v>
      </c>
    </row>
    <row r="18" spans="1:12" s="9" customFormat="1" ht="14.25" customHeight="1" x14ac:dyDescent="0.15">
      <c r="A18" s="6">
        <v>17</v>
      </c>
      <c r="B18" s="6" t="s">
        <v>361</v>
      </c>
      <c r="C18" s="12" t="s">
        <v>222</v>
      </c>
      <c r="D18" s="13" t="s">
        <v>223</v>
      </c>
      <c r="E18" s="13" t="s">
        <v>3</v>
      </c>
      <c r="F18" s="13" t="s">
        <v>3</v>
      </c>
      <c r="G18" s="13" t="s">
        <v>224</v>
      </c>
      <c r="H18" s="13" t="s">
        <v>225</v>
      </c>
      <c r="I18" s="26" t="s">
        <v>226</v>
      </c>
      <c r="J18" s="26" t="s">
        <v>227</v>
      </c>
    </row>
    <row r="19" spans="1:12" s="9" customFormat="1" ht="14.25" customHeight="1" x14ac:dyDescent="0.15">
      <c r="A19" s="6">
        <v>18</v>
      </c>
      <c r="B19" s="6" t="s">
        <v>361</v>
      </c>
      <c r="C19" s="14" t="s">
        <v>228</v>
      </c>
      <c r="D19" s="13" t="s">
        <v>229</v>
      </c>
      <c r="E19" s="15" t="s">
        <v>3</v>
      </c>
      <c r="F19" s="15" t="s">
        <v>3</v>
      </c>
      <c r="G19" s="13" t="s">
        <v>230</v>
      </c>
      <c r="H19" s="13" t="s">
        <v>231</v>
      </c>
      <c r="I19" s="26" t="s">
        <v>232</v>
      </c>
      <c r="J19" s="26" t="s">
        <v>233</v>
      </c>
    </row>
    <row r="20" spans="1:12" s="9" customFormat="1" ht="14.25" customHeight="1" x14ac:dyDescent="0.15">
      <c r="A20" s="6">
        <v>19</v>
      </c>
      <c r="B20" s="6" t="s">
        <v>361</v>
      </c>
      <c r="C20" s="12" t="s">
        <v>234</v>
      </c>
      <c r="D20" s="13" t="s">
        <v>235</v>
      </c>
      <c r="E20" s="13" t="s">
        <v>3</v>
      </c>
      <c r="F20" s="13" t="s">
        <v>8</v>
      </c>
      <c r="G20" s="13" t="s">
        <v>236</v>
      </c>
      <c r="H20" s="13" t="s">
        <v>237</v>
      </c>
      <c r="I20" s="26" t="s">
        <v>238</v>
      </c>
      <c r="J20" s="26" t="s">
        <v>239</v>
      </c>
    </row>
    <row r="21" spans="1:12" s="9" customFormat="1" ht="14.25" customHeight="1" x14ac:dyDescent="0.15">
      <c r="A21" s="6">
        <v>20</v>
      </c>
      <c r="B21" s="6" t="s">
        <v>361</v>
      </c>
      <c r="C21" s="12" t="s">
        <v>240</v>
      </c>
      <c r="D21" s="13" t="s">
        <v>241</v>
      </c>
      <c r="E21" s="13" t="s">
        <v>3</v>
      </c>
      <c r="F21" s="13" t="s">
        <v>3</v>
      </c>
      <c r="G21" s="13" t="s">
        <v>242</v>
      </c>
      <c r="H21" s="13" t="s">
        <v>243</v>
      </c>
      <c r="I21" s="26" t="s">
        <v>244</v>
      </c>
      <c r="J21" s="26" t="s">
        <v>245</v>
      </c>
    </row>
    <row r="22" spans="1:12" s="9" customFormat="1" ht="14.25" customHeight="1" x14ac:dyDescent="0.15">
      <c r="A22" s="6">
        <v>21</v>
      </c>
      <c r="B22" s="6" t="s">
        <v>361</v>
      </c>
      <c r="C22" s="8" t="s">
        <v>246</v>
      </c>
      <c r="D22" s="8" t="s">
        <v>252</v>
      </c>
      <c r="E22" s="16" t="s">
        <v>372</v>
      </c>
      <c r="F22" s="8" t="s">
        <v>247</v>
      </c>
      <c r="G22" s="13" t="s">
        <v>248</v>
      </c>
      <c r="H22" s="13" t="s">
        <v>249</v>
      </c>
      <c r="I22" s="19" t="s">
        <v>250</v>
      </c>
      <c r="J22" s="19" t="s">
        <v>251</v>
      </c>
    </row>
    <row r="23" spans="1:12" s="9" customFormat="1" ht="14.25" customHeight="1" x14ac:dyDescent="0.15">
      <c r="A23" s="6">
        <v>22</v>
      </c>
      <c r="B23" s="6" t="s">
        <v>361</v>
      </c>
      <c r="C23" s="12" t="s">
        <v>267</v>
      </c>
      <c r="D23" s="12" t="s">
        <v>268</v>
      </c>
      <c r="E23" s="12" t="s">
        <v>269</v>
      </c>
      <c r="F23" s="12" t="s">
        <v>269</v>
      </c>
      <c r="G23" s="12" t="s">
        <v>270</v>
      </c>
      <c r="H23" s="12" t="s">
        <v>310</v>
      </c>
      <c r="I23" s="27" t="s">
        <v>271</v>
      </c>
      <c r="J23" s="27" t="s">
        <v>272</v>
      </c>
    </row>
    <row r="24" spans="1:12" s="9" customFormat="1" ht="14.25" customHeight="1" x14ac:dyDescent="0.15">
      <c r="A24" s="6">
        <v>23</v>
      </c>
      <c r="B24" s="6" t="s">
        <v>361</v>
      </c>
      <c r="C24" s="12" t="s">
        <v>273</v>
      </c>
      <c r="D24" s="12" t="s">
        <v>274</v>
      </c>
      <c r="E24" s="12" t="s">
        <v>275</v>
      </c>
      <c r="F24" s="17" t="s">
        <v>382</v>
      </c>
      <c r="G24" s="12" t="s">
        <v>276</v>
      </c>
      <c r="H24" s="12" t="s">
        <v>311</v>
      </c>
      <c r="I24" s="27" t="s">
        <v>277</v>
      </c>
      <c r="J24" s="27" t="s">
        <v>278</v>
      </c>
    </row>
    <row r="25" spans="1:12" s="9" customFormat="1" ht="14.25" customHeight="1" x14ac:dyDescent="0.15">
      <c r="A25" s="6">
        <v>24</v>
      </c>
      <c r="B25" s="6" t="s">
        <v>361</v>
      </c>
      <c r="C25" s="12" t="s">
        <v>300</v>
      </c>
      <c r="D25" s="12" t="s">
        <v>301</v>
      </c>
      <c r="E25" s="12" t="s">
        <v>269</v>
      </c>
      <c r="F25" s="12" t="s">
        <v>269</v>
      </c>
      <c r="G25" s="12" t="s">
        <v>302</v>
      </c>
      <c r="H25" s="12" t="s">
        <v>303</v>
      </c>
      <c r="I25" s="27" t="s">
        <v>304</v>
      </c>
      <c r="J25" s="27" t="s">
        <v>305</v>
      </c>
    </row>
    <row r="26" spans="1:12" s="9" customFormat="1" ht="14.25" customHeight="1" x14ac:dyDescent="0.15">
      <c r="A26" s="6">
        <v>25</v>
      </c>
      <c r="B26" s="6" t="s">
        <v>361</v>
      </c>
      <c r="C26" s="14" t="s">
        <v>294</v>
      </c>
      <c r="D26" s="12" t="s">
        <v>299</v>
      </c>
      <c r="E26" s="6" t="s">
        <v>373</v>
      </c>
      <c r="F26" s="6" t="s">
        <v>41</v>
      </c>
      <c r="G26" s="19" t="s">
        <v>295</v>
      </c>
      <c r="H26" s="12" t="s">
        <v>296</v>
      </c>
      <c r="I26" s="27" t="s">
        <v>297</v>
      </c>
      <c r="J26" s="27" t="s">
        <v>298</v>
      </c>
    </row>
    <row r="27" spans="1:12" s="9" customFormat="1" ht="14.25" customHeight="1" x14ac:dyDescent="0.15">
      <c r="A27" s="6">
        <v>26</v>
      </c>
      <c r="B27" s="6" t="s">
        <v>361</v>
      </c>
      <c r="C27" s="14" t="s">
        <v>306</v>
      </c>
      <c r="D27" s="12" t="s">
        <v>307</v>
      </c>
      <c r="E27" s="6" t="s">
        <v>308</v>
      </c>
      <c r="F27" s="6" t="s">
        <v>41</v>
      </c>
      <c r="G27" s="19" t="s">
        <v>270</v>
      </c>
      <c r="H27" s="12" t="s">
        <v>309</v>
      </c>
      <c r="I27" s="27" t="s">
        <v>312</v>
      </c>
      <c r="J27" s="27" t="s">
        <v>313</v>
      </c>
    </row>
    <row r="28" spans="1:12" s="9" customFormat="1" ht="14.25" customHeight="1" x14ac:dyDescent="0.15">
      <c r="A28" s="6">
        <v>27</v>
      </c>
      <c r="B28" s="6" t="s">
        <v>361</v>
      </c>
      <c r="C28" s="8" t="s">
        <v>314</v>
      </c>
      <c r="D28" s="8" t="s">
        <v>315</v>
      </c>
      <c r="E28" s="18" t="s">
        <v>3</v>
      </c>
      <c r="F28" s="8" t="s">
        <v>316</v>
      </c>
      <c r="G28" s="19" t="s">
        <v>319</v>
      </c>
      <c r="H28" s="19" t="s">
        <v>320</v>
      </c>
      <c r="I28" s="19" t="s">
        <v>317</v>
      </c>
      <c r="J28" s="19" t="s">
        <v>318</v>
      </c>
    </row>
    <row r="29" spans="1:12" s="9" customFormat="1" ht="14.25" customHeight="1" x14ac:dyDescent="0.15">
      <c r="A29" s="6">
        <v>28</v>
      </c>
      <c r="B29" s="6" t="s">
        <v>361</v>
      </c>
      <c r="C29" s="19" t="s">
        <v>350</v>
      </c>
      <c r="D29" s="19" t="s">
        <v>345</v>
      </c>
      <c r="E29" s="20" t="s">
        <v>3</v>
      </c>
      <c r="F29" s="6" t="s">
        <v>41</v>
      </c>
      <c r="G29" s="19" t="s">
        <v>346</v>
      </c>
      <c r="H29" s="19" t="s">
        <v>347</v>
      </c>
      <c r="I29" s="19" t="s">
        <v>348</v>
      </c>
      <c r="J29" s="19" t="s">
        <v>349</v>
      </c>
      <c r="K29" s="30"/>
    </row>
    <row r="30" spans="1:12" s="9" customFormat="1" ht="14.25" customHeight="1" x14ac:dyDescent="0.15">
      <c r="A30" s="34">
        <v>29</v>
      </c>
      <c r="B30" s="6" t="s">
        <v>361</v>
      </c>
      <c r="C30" s="19" t="s">
        <v>403</v>
      </c>
      <c r="D30" s="19" t="s">
        <v>402</v>
      </c>
      <c r="E30" s="20" t="s">
        <v>3</v>
      </c>
      <c r="F30" s="6" t="s">
        <v>405</v>
      </c>
      <c r="G30" s="19" t="s">
        <v>409</v>
      </c>
      <c r="H30" s="19" t="s">
        <v>406</v>
      </c>
      <c r="I30" s="19" t="s">
        <v>407</v>
      </c>
      <c r="J30" s="19" t="s">
        <v>408</v>
      </c>
      <c r="K30" s="32"/>
      <c r="L30" s="33"/>
    </row>
    <row r="31" spans="1:12" s="9" customFormat="1" ht="14.25" customHeight="1" x14ac:dyDescent="0.15">
      <c r="A31" s="34">
        <v>30</v>
      </c>
      <c r="B31" s="6" t="s">
        <v>361</v>
      </c>
      <c r="C31" s="19" t="s">
        <v>403</v>
      </c>
      <c r="D31" s="19" t="s">
        <v>404</v>
      </c>
      <c r="E31" s="20" t="s">
        <v>3</v>
      </c>
      <c r="F31" s="6" t="s">
        <v>405</v>
      </c>
      <c r="G31" s="19" t="s">
        <v>409</v>
      </c>
      <c r="H31" s="19" t="s">
        <v>406</v>
      </c>
      <c r="I31" s="19" t="s">
        <v>407</v>
      </c>
      <c r="J31" s="19" t="s">
        <v>408</v>
      </c>
    </row>
    <row r="32" spans="1:12" s="9" customFormat="1" x14ac:dyDescent="0.15">
      <c r="A32" s="34">
        <v>31</v>
      </c>
      <c r="B32" s="19" t="s">
        <v>364</v>
      </c>
      <c r="C32" s="7" t="s">
        <v>21</v>
      </c>
      <c r="D32" s="8" t="s">
        <v>48</v>
      </c>
      <c r="E32" s="8" t="s">
        <v>3</v>
      </c>
      <c r="F32" s="8" t="s">
        <v>42</v>
      </c>
      <c r="G32" s="8" t="s">
        <v>165</v>
      </c>
      <c r="H32" s="8" t="s">
        <v>166</v>
      </c>
      <c r="I32" s="19" t="s">
        <v>20</v>
      </c>
      <c r="J32" s="19" t="s">
        <v>20</v>
      </c>
    </row>
    <row r="33" spans="1:10" s="9" customFormat="1" x14ac:dyDescent="0.15">
      <c r="A33" s="34">
        <v>32</v>
      </c>
      <c r="B33" s="19" t="s">
        <v>364</v>
      </c>
      <c r="C33" s="7" t="s">
        <v>35</v>
      </c>
      <c r="D33" s="8" t="s">
        <v>36</v>
      </c>
      <c r="E33" s="8" t="s">
        <v>3</v>
      </c>
      <c r="F33" s="8" t="s">
        <v>41</v>
      </c>
      <c r="G33" s="8" t="s">
        <v>172</v>
      </c>
      <c r="H33" s="8" t="s">
        <v>173</v>
      </c>
      <c r="I33" s="19" t="s">
        <v>37</v>
      </c>
      <c r="J33" s="19" t="s">
        <v>38</v>
      </c>
    </row>
    <row r="34" spans="1:10" s="9" customFormat="1" x14ac:dyDescent="0.15">
      <c r="A34" s="34">
        <v>33</v>
      </c>
      <c r="B34" s="19" t="s">
        <v>364</v>
      </c>
      <c r="C34" s="7" t="s">
        <v>412</v>
      </c>
      <c r="D34" s="8" t="s">
        <v>410</v>
      </c>
      <c r="E34" s="8" t="s">
        <v>3</v>
      </c>
      <c r="F34" s="8" t="s">
        <v>52</v>
      </c>
      <c r="G34" s="8" t="s">
        <v>413</v>
      </c>
      <c r="H34" s="8" t="s">
        <v>414</v>
      </c>
      <c r="I34" s="8" t="s">
        <v>415</v>
      </c>
      <c r="J34" s="8" t="s">
        <v>416</v>
      </c>
    </row>
    <row r="35" spans="1:10" s="9" customFormat="1" x14ac:dyDescent="0.15">
      <c r="A35" s="34">
        <v>34</v>
      </c>
      <c r="B35" s="19" t="s">
        <v>364</v>
      </c>
      <c r="C35" s="7" t="s">
        <v>412</v>
      </c>
      <c r="D35" s="8" t="s">
        <v>411</v>
      </c>
      <c r="E35" s="8" t="s">
        <v>3</v>
      </c>
      <c r="F35" s="8" t="s">
        <v>52</v>
      </c>
      <c r="G35" s="8" t="s">
        <v>413</v>
      </c>
      <c r="H35" s="8" t="s">
        <v>414</v>
      </c>
      <c r="I35" s="8" t="s">
        <v>415</v>
      </c>
      <c r="J35" s="8" t="s">
        <v>416</v>
      </c>
    </row>
    <row r="36" spans="1:10" s="9" customFormat="1" x14ac:dyDescent="0.15">
      <c r="A36" s="6">
        <v>35</v>
      </c>
      <c r="B36" s="19" t="s">
        <v>364</v>
      </c>
      <c r="C36" s="7" t="s">
        <v>109</v>
      </c>
      <c r="D36" s="8" t="s">
        <v>116</v>
      </c>
      <c r="E36" s="11" t="s">
        <v>81</v>
      </c>
      <c r="F36" s="11" t="s">
        <v>81</v>
      </c>
      <c r="G36" s="8" t="s">
        <v>141</v>
      </c>
      <c r="H36" s="8" t="s">
        <v>142</v>
      </c>
      <c r="I36" s="22" t="s">
        <v>110</v>
      </c>
      <c r="J36" s="22" t="s">
        <v>111</v>
      </c>
    </row>
    <row r="37" spans="1:10" s="9" customFormat="1" x14ac:dyDescent="0.15">
      <c r="A37" s="6">
        <v>36</v>
      </c>
      <c r="B37" s="19" t="s">
        <v>365</v>
      </c>
      <c r="C37" s="7" t="s">
        <v>44</v>
      </c>
      <c r="D37" s="8" t="s">
        <v>47</v>
      </c>
      <c r="E37" s="8" t="s">
        <v>3</v>
      </c>
      <c r="F37" s="8" t="s">
        <v>41</v>
      </c>
      <c r="G37" s="8" t="s">
        <v>176</v>
      </c>
      <c r="H37" s="8" t="s">
        <v>177</v>
      </c>
      <c r="I37" s="19" t="s">
        <v>45</v>
      </c>
      <c r="J37" s="19" t="s">
        <v>46</v>
      </c>
    </row>
    <row r="38" spans="1:10" s="9" customFormat="1" x14ac:dyDescent="0.15">
      <c r="A38" s="6">
        <v>37</v>
      </c>
      <c r="B38" s="19" t="s">
        <v>365</v>
      </c>
      <c r="C38" s="7" t="s">
        <v>44</v>
      </c>
      <c r="D38" s="8" t="s">
        <v>49</v>
      </c>
      <c r="E38" s="8" t="s">
        <v>3</v>
      </c>
      <c r="F38" s="8" t="s">
        <v>41</v>
      </c>
      <c r="G38" s="8" t="s">
        <v>176</v>
      </c>
      <c r="H38" s="8" t="s">
        <v>177</v>
      </c>
      <c r="I38" s="19" t="s">
        <v>45</v>
      </c>
      <c r="J38" s="19" t="s">
        <v>46</v>
      </c>
    </row>
    <row r="39" spans="1:10" s="9" customFormat="1" x14ac:dyDescent="0.15">
      <c r="A39" s="6">
        <v>38</v>
      </c>
      <c r="B39" s="19" t="s">
        <v>365</v>
      </c>
      <c r="C39" s="7" t="s">
        <v>50</v>
      </c>
      <c r="D39" s="8" t="s">
        <v>51</v>
      </c>
      <c r="E39" s="8" t="s">
        <v>3</v>
      </c>
      <c r="F39" s="8" t="s">
        <v>52</v>
      </c>
      <c r="G39" s="8" t="s">
        <v>160</v>
      </c>
      <c r="H39" s="8" t="s">
        <v>159</v>
      </c>
      <c r="I39" s="19" t="s">
        <v>53</v>
      </c>
      <c r="J39" s="19" t="s">
        <v>54</v>
      </c>
    </row>
    <row r="40" spans="1:10" s="9" customFormat="1" x14ac:dyDescent="0.15">
      <c r="A40" s="6">
        <v>39</v>
      </c>
      <c r="B40" s="19" t="s">
        <v>365</v>
      </c>
      <c r="C40" s="7" t="s">
        <v>50</v>
      </c>
      <c r="D40" s="8" t="s">
        <v>55</v>
      </c>
      <c r="E40" s="8" t="s">
        <v>3</v>
      </c>
      <c r="F40" s="8" t="s">
        <v>56</v>
      </c>
      <c r="G40" s="8" t="s">
        <v>160</v>
      </c>
      <c r="H40" s="8" t="s">
        <v>159</v>
      </c>
      <c r="I40" s="19" t="s">
        <v>57</v>
      </c>
      <c r="J40" s="19" t="s">
        <v>58</v>
      </c>
    </row>
    <row r="41" spans="1:10" s="9" customFormat="1" x14ac:dyDescent="0.15">
      <c r="A41" s="6">
        <v>40</v>
      </c>
      <c r="B41" s="19" t="s">
        <v>365</v>
      </c>
      <c r="C41" s="7" t="s">
        <v>100</v>
      </c>
      <c r="D41" s="8" t="s">
        <v>375</v>
      </c>
      <c r="E41" s="8" t="s">
        <v>3</v>
      </c>
      <c r="F41" s="8" t="s">
        <v>41</v>
      </c>
      <c r="G41" s="8" t="s">
        <v>180</v>
      </c>
      <c r="H41" s="8" t="s">
        <v>181</v>
      </c>
      <c r="I41" s="19" t="s">
        <v>101</v>
      </c>
      <c r="J41" s="19" t="s">
        <v>102</v>
      </c>
    </row>
    <row r="42" spans="1:10" s="9" customFormat="1" ht="14.25" customHeight="1" x14ac:dyDescent="0.15">
      <c r="A42" s="6">
        <v>41</v>
      </c>
      <c r="B42" s="19" t="s">
        <v>365</v>
      </c>
      <c r="C42" s="7" t="s">
        <v>103</v>
      </c>
      <c r="D42" s="8" t="s">
        <v>104</v>
      </c>
      <c r="E42" s="8" t="s">
        <v>384</v>
      </c>
      <c r="F42" s="8" t="s">
        <v>41</v>
      </c>
      <c r="G42" s="8" t="s">
        <v>184</v>
      </c>
      <c r="H42" s="8" t="s">
        <v>185</v>
      </c>
      <c r="I42" s="19" t="s">
        <v>105</v>
      </c>
      <c r="J42" s="19" t="s">
        <v>105</v>
      </c>
    </row>
    <row r="43" spans="1:10" s="9" customFormat="1" ht="14.25" customHeight="1" x14ac:dyDescent="0.15">
      <c r="A43" s="6">
        <v>42</v>
      </c>
      <c r="B43" s="19" t="s">
        <v>365</v>
      </c>
      <c r="C43" s="7" t="s">
        <v>132</v>
      </c>
      <c r="D43" s="8" t="s">
        <v>134</v>
      </c>
      <c r="E43" s="8" t="s">
        <v>3</v>
      </c>
      <c r="F43" s="21" t="s">
        <v>369</v>
      </c>
      <c r="G43" s="8" t="s">
        <v>188</v>
      </c>
      <c r="H43" s="8" t="s">
        <v>189</v>
      </c>
      <c r="I43" s="22" t="s">
        <v>133</v>
      </c>
      <c r="J43" s="22" t="s">
        <v>131</v>
      </c>
    </row>
    <row r="44" spans="1:10" s="9" customFormat="1" ht="14.25" customHeight="1" x14ac:dyDescent="0.15">
      <c r="A44" s="6">
        <v>43</v>
      </c>
      <c r="B44" s="19" t="s">
        <v>365</v>
      </c>
      <c r="C44" s="7" t="s">
        <v>132</v>
      </c>
      <c r="D44" s="8" t="s">
        <v>135</v>
      </c>
      <c r="E44" s="8" t="s">
        <v>3</v>
      </c>
      <c r="F44" s="8" t="s">
        <v>3</v>
      </c>
      <c r="G44" s="8" t="s">
        <v>188</v>
      </c>
      <c r="H44" s="8" t="s">
        <v>189</v>
      </c>
      <c r="I44" s="22" t="s">
        <v>133</v>
      </c>
      <c r="J44" s="22" t="s">
        <v>131</v>
      </c>
    </row>
    <row r="45" spans="1:10" s="9" customFormat="1" x14ac:dyDescent="0.15">
      <c r="A45" s="6">
        <v>44</v>
      </c>
      <c r="B45" s="19" t="s">
        <v>365</v>
      </c>
      <c r="C45" s="7" t="s">
        <v>132</v>
      </c>
      <c r="D45" s="8" t="s">
        <v>136</v>
      </c>
      <c r="E45" s="8" t="s">
        <v>3</v>
      </c>
      <c r="F45" s="8" t="s">
        <v>137</v>
      </c>
      <c r="G45" s="8" t="s">
        <v>188</v>
      </c>
      <c r="H45" s="8" t="s">
        <v>189</v>
      </c>
      <c r="I45" s="22" t="s">
        <v>133</v>
      </c>
      <c r="J45" s="22" t="s">
        <v>131</v>
      </c>
    </row>
    <row r="46" spans="1:10" s="9" customFormat="1" x14ac:dyDescent="0.15">
      <c r="A46" s="6">
        <v>45</v>
      </c>
      <c r="B46" s="19" t="s">
        <v>365</v>
      </c>
      <c r="C46" s="7" t="s">
        <v>132</v>
      </c>
      <c r="D46" s="8" t="s">
        <v>138</v>
      </c>
      <c r="E46" s="8" t="s">
        <v>3</v>
      </c>
      <c r="F46" s="8" t="s">
        <v>3</v>
      </c>
      <c r="G46" s="8" t="s">
        <v>188</v>
      </c>
      <c r="H46" s="8" t="s">
        <v>189</v>
      </c>
      <c r="I46" s="22" t="s">
        <v>133</v>
      </c>
      <c r="J46" s="22" t="s">
        <v>131</v>
      </c>
    </row>
    <row r="47" spans="1:10" s="9" customFormat="1" x14ac:dyDescent="0.15">
      <c r="A47" s="6">
        <v>46</v>
      </c>
      <c r="B47" s="19" t="s">
        <v>365</v>
      </c>
      <c r="C47" s="7" t="s">
        <v>190</v>
      </c>
      <c r="D47" s="8" t="s">
        <v>191</v>
      </c>
      <c r="E47" s="8" t="s">
        <v>192</v>
      </c>
      <c r="F47" s="8" t="s">
        <v>3</v>
      </c>
      <c r="G47" s="8" t="s">
        <v>195</v>
      </c>
      <c r="H47" s="8" t="s">
        <v>196</v>
      </c>
      <c r="I47" s="19" t="s">
        <v>193</v>
      </c>
      <c r="J47" s="19" t="s">
        <v>194</v>
      </c>
    </row>
    <row r="48" spans="1:10" s="9" customFormat="1" x14ac:dyDescent="0.15">
      <c r="A48" s="6">
        <v>47</v>
      </c>
      <c r="B48" s="19" t="s">
        <v>365</v>
      </c>
      <c r="C48" s="7" t="s">
        <v>197</v>
      </c>
      <c r="D48" s="8" t="s">
        <v>198</v>
      </c>
      <c r="E48" s="8" t="s">
        <v>3</v>
      </c>
      <c r="F48" s="8" t="s">
        <v>3</v>
      </c>
      <c r="G48" s="19" t="s">
        <v>202</v>
      </c>
      <c r="H48" s="19" t="s">
        <v>203</v>
      </c>
      <c r="I48" s="19" t="s">
        <v>385</v>
      </c>
      <c r="J48" s="19" t="s">
        <v>199</v>
      </c>
    </row>
    <row r="49" spans="1:11" s="9" customFormat="1" x14ac:dyDescent="0.15">
      <c r="A49" s="6">
        <v>48</v>
      </c>
      <c r="B49" s="19" t="s">
        <v>365</v>
      </c>
      <c r="C49" s="14" t="s">
        <v>204</v>
      </c>
      <c r="D49" s="13" t="s">
        <v>208</v>
      </c>
      <c r="E49" s="15" t="s">
        <v>383</v>
      </c>
      <c r="F49" s="15" t="s">
        <v>41</v>
      </c>
      <c r="G49" s="13" t="s">
        <v>205</v>
      </c>
      <c r="H49" s="13" t="s">
        <v>214</v>
      </c>
      <c r="I49" s="26" t="s">
        <v>206</v>
      </c>
      <c r="J49" s="26" t="s">
        <v>207</v>
      </c>
    </row>
    <row r="50" spans="1:11" s="9" customFormat="1" x14ac:dyDescent="0.15">
      <c r="A50" s="6">
        <v>49</v>
      </c>
      <c r="B50" s="19" t="s">
        <v>365</v>
      </c>
      <c r="C50" s="12" t="s">
        <v>209</v>
      </c>
      <c r="D50" s="13" t="s">
        <v>210</v>
      </c>
      <c r="E50" s="13" t="s">
        <v>3</v>
      </c>
      <c r="F50" s="13" t="s">
        <v>3</v>
      </c>
      <c r="G50" s="13" t="s">
        <v>211</v>
      </c>
      <c r="H50" s="13" t="s">
        <v>215</v>
      </c>
      <c r="I50" s="26" t="s">
        <v>212</v>
      </c>
      <c r="J50" s="26" t="s">
        <v>213</v>
      </c>
    </row>
    <row r="51" spans="1:11" s="9" customFormat="1" x14ac:dyDescent="0.15">
      <c r="A51" s="6">
        <v>50</v>
      </c>
      <c r="B51" s="19" t="s">
        <v>365</v>
      </c>
      <c r="C51" s="22" t="s">
        <v>279</v>
      </c>
      <c r="D51" s="7" t="s">
        <v>280</v>
      </c>
      <c r="E51" s="7" t="s">
        <v>3</v>
      </c>
      <c r="F51" s="7" t="s">
        <v>3</v>
      </c>
      <c r="G51" s="7" t="s">
        <v>282</v>
      </c>
      <c r="H51" s="7" t="s">
        <v>283</v>
      </c>
      <c r="I51" s="28" t="s">
        <v>284</v>
      </c>
      <c r="J51" s="28" t="s">
        <v>285</v>
      </c>
    </row>
    <row r="52" spans="1:11" s="9" customFormat="1" x14ac:dyDescent="0.15">
      <c r="A52" s="6">
        <v>51</v>
      </c>
      <c r="B52" s="19" t="s">
        <v>365</v>
      </c>
      <c r="C52" s="22" t="s">
        <v>279</v>
      </c>
      <c r="D52" s="7" t="s">
        <v>281</v>
      </c>
      <c r="E52" s="7" t="s">
        <v>3</v>
      </c>
      <c r="F52" s="7" t="s">
        <v>3</v>
      </c>
      <c r="G52" s="7" t="s">
        <v>286</v>
      </c>
      <c r="H52" s="7" t="s">
        <v>287</v>
      </c>
      <c r="I52" s="28" t="s">
        <v>284</v>
      </c>
      <c r="J52" s="28" t="s">
        <v>285</v>
      </c>
    </row>
    <row r="53" spans="1:11" s="9" customFormat="1" x14ac:dyDescent="0.15">
      <c r="A53" s="6">
        <v>52</v>
      </c>
      <c r="B53" s="19" t="s">
        <v>365</v>
      </c>
      <c r="C53" s="19" t="s">
        <v>327</v>
      </c>
      <c r="D53" s="19" t="s">
        <v>328</v>
      </c>
      <c r="E53" s="7" t="s">
        <v>3</v>
      </c>
      <c r="F53" s="7" t="s">
        <v>3</v>
      </c>
      <c r="G53" s="19" t="s">
        <v>329</v>
      </c>
      <c r="H53" s="19" t="s">
        <v>330</v>
      </c>
      <c r="I53" s="19" t="s">
        <v>331</v>
      </c>
      <c r="J53" s="19" t="s">
        <v>332</v>
      </c>
    </row>
    <row r="54" spans="1:11" s="9" customFormat="1" x14ac:dyDescent="0.15">
      <c r="A54" s="6">
        <v>53</v>
      </c>
      <c r="B54" s="19" t="s">
        <v>365</v>
      </c>
      <c r="C54" s="19" t="s">
        <v>333</v>
      </c>
      <c r="D54" s="19" t="s">
        <v>334</v>
      </c>
      <c r="E54" s="7" t="s">
        <v>3</v>
      </c>
      <c r="F54" s="7" t="s">
        <v>3</v>
      </c>
      <c r="G54" s="19" t="s">
        <v>335</v>
      </c>
      <c r="H54" s="19" t="s">
        <v>336</v>
      </c>
      <c r="I54" s="19" t="s">
        <v>337</v>
      </c>
      <c r="J54" s="19" t="s">
        <v>338</v>
      </c>
    </row>
    <row r="55" spans="1:11" s="9" customFormat="1" x14ac:dyDescent="0.15">
      <c r="A55" s="6">
        <v>54</v>
      </c>
      <c r="B55" s="29" t="s">
        <v>365</v>
      </c>
      <c r="C55" s="7" t="s">
        <v>386</v>
      </c>
      <c r="D55" s="7" t="s">
        <v>387</v>
      </c>
      <c r="E55" s="7" t="s">
        <v>3</v>
      </c>
      <c r="F55" s="7" t="s">
        <v>3</v>
      </c>
      <c r="G55" s="19" t="s">
        <v>391</v>
      </c>
      <c r="H55" s="7" t="s">
        <v>388</v>
      </c>
      <c r="I55" s="19" t="s">
        <v>390</v>
      </c>
      <c r="J55" s="19" t="s">
        <v>389</v>
      </c>
      <c r="K55" s="9" t="s">
        <v>392</v>
      </c>
    </row>
    <row r="56" spans="1:11" s="9" customFormat="1" x14ac:dyDescent="0.15">
      <c r="A56" s="6">
        <v>55</v>
      </c>
      <c r="B56" s="19" t="s">
        <v>366</v>
      </c>
      <c r="C56" s="7" t="s">
        <v>73</v>
      </c>
      <c r="D56" s="8" t="s">
        <v>74</v>
      </c>
      <c r="E56" s="8" t="s">
        <v>3</v>
      </c>
      <c r="F56" s="8" t="s">
        <v>41</v>
      </c>
      <c r="G56" s="8" t="s">
        <v>156</v>
      </c>
      <c r="H56" s="8" t="s">
        <v>186</v>
      </c>
      <c r="I56" s="19" t="s">
        <v>83</v>
      </c>
      <c r="J56" s="19" t="s">
        <v>376</v>
      </c>
    </row>
    <row r="57" spans="1:11" s="9" customFormat="1" x14ac:dyDescent="0.15">
      <c r="A57" s="6">
        <v>56</v>
      </c>
      <c r="B57" s="19" t="s">
        <v>366</v>
      </c>
      <c r="C57" s="7" t="s">
        <v>73</v>
      </c>
      <c r="D57" s="8" t="s">
        <v>75</v>
      </c>
      <c r="E57" s="8" t="s">
        <v>3</v>
      </c>
      <c r="F57" s="8" t="s">
        <v>41</v>
      </c>
      <c r="G57" s="8" t="s">
        <v>156</v>
      </c>
      <c r="H57" s="8" t="s">
        <v>186</v>
      </c>
      <c r="I57" s="19" t="s">
        <v>83</v>
      </c>
      <c r="J57" s="19" t="s">
        <v>376</v>
      </c>
    </row>
    <row r="58" spans="1:11" s="9" customFormat="1" x14ac:dyDescent="0.15">
      <c r="A58" s="6">
        <v>57</v>
      </c>
      <c r="B58" s="19" t="s">
        <v>366</v>
      </c>
      <c r="C58" s="7" t="s">
        <v>73</v>
      </c>
      <c r="D58" s="8" t="s">
        <v>76</v>
      </c>
      <c r="E58" s="8" t="s">
        <v>3</v>
      </c>
      <c r="F58" s="8" t="s">
        <v>41</v>
      </c>
      <c r="G58" s="8" t="s">
        <v>156</v>
      </c>
      <c r="H58" s="8" t="s">
        <v>186</v>
      </c>
      <c r="I58" s="19" t="s">
        <v>83</v>
      </c>
      <c r="J58" s="19" t="s">
        <v>376</v>
      </c>
    </row>
    <row r="59" spans="1:11" s="9" customFormat="1" x14ac:dyDescent="0.15">
      <c r="A59" s="6">
        <v>58</v>
      </c>
      <c r="B59" s="19" t="s">
        <v>366</v>
      </c>
      <c r="C59" s="7" t="s">
        <v>88</v>
      </c>
      <c r="D59" s="8" t="s">
        <v>86</v>
      </c>
      <c r="E59" s="8" t="s">
        <v>3</v>
      </c>
      <c r="F59" s="8" t="s">
        <v>41</v>
      </c>
      <c r="G59" s="8" t="s">
        <v>153</v>
      </c>
      <c r="H59" s="8" t="s">
        <v>152</v>
      </c>
      <c r="I59" s="19" t="s">
        <v>84</v>
      </c>
      <c r="J59" s="19" t="s">
        <v>85</v>
      </c>
    </row>
    <row r="60" spans="1:11" s="9" customFormat="1" x14ac:dyDescent="0.15">
      <c r="A60" s="6">
        <v>59</v>
      </c>
      <c r="B60" s="19" t="s">
        <v>366</v>
      </c>
      <c r="C60" s="7" t="s">
        <v>88</v>
      </c>
      <c r="D60" s="8" t="s">
        <v>260</v>
      </c>
      <c r="E60" s="8" t="s">
        <v>3</v>
      </c>
      <c r="F60" s="8" t="s">
        <v>3</v>
      </c>
      <c r="G60" s="8" t="s">
        <v>153</v>
      </c>
      <c r="H60" s="8" t="s">
        <v>152</v>
      </c>
      <c r="I60" s="19" t="s">
        <v>84</v>
      </c>
      <c r="J60" s="19" t="s">
        <v>85</v>
      </c>
    </row>
    <row r="61" spans="1:11" s="9" customFormat="1" x14ac:dyDescent="0.15">
      <c r="A61" s="6">
        <v>60</v>
      </c>
      <c r="B61" s="19" t="s">
        <v>366</v>
      </c>
      <c r="C61" s="7" t="s">
        <v>88</v>
      </c>
      <c r="D61" s="8" t="s">
        <v>87</v>
      </c>
      <c r="E61" s="8" t="s">
        <v>3</v>
      </c>
      <c r="F61" s="8" t="s">
        <v>41</v>
      </c>
      <c r="G61" s="8" t="s">
        <v>153</v>
      </c>
      <c r="H61" s="8" t="s">
        <v>152</v>
      </c>
      <c r="I61" s="19" t="s">
        <v>84</v>
      </c>
      <c r="J61" s="19" t="s">
        <v>85</v>
      </c>
    </row>
    <row r="62" spans="1:11" s="9" customFormat="1" x14ac:dyDescent="0.15">
      <c r="A62" s="6">
        <v>61</v>
      </c>
      <c r="B62" s="19" t="s">
        <v>367</v>
      </c>
      <c r="C62" s="7" t="s">
        <v>7</v>
      </c>
      <c r="D62" s="8" t="s">
        <v>13</v>
      </c>
      <c r="E62" s="8" t="s">
        <v>14</v>
      </c>
      <c r="F62" s="8" t="s">
        <v>15</v>
      </c>
      <c r="G62" s="8" t="s">
        <v>162</v>
      </c>
      <c r="H62" s="8" t="s">
        <v>161</v>
      </c>
      <c r="I62" s="19" t="s">
        <v>12</v>
      </c>
      <c r="J62" s="19" t="s">
        <v>12</v>
      </c>
    </row>
    <row r="63" spans="1:11" s="9" customFormat="1" x14ac:dyDescent="0.15">
      <c r="A63" s="6">
        <v>62</v>
      </c>
      <c r="B63" s="19" t="s">
        <v>367</v>
      </c>
      <c r="C63" s="10" t="s">
        <v>95</v>
      </c>
      <c r="D63" s="11" t="s">
        <v>96</v>
      </c>
      <c r="E63" s="11" t="s">
        <v>81</v>
      </c>
      <c r="F63" s="11" t="s">
        <v>82</v>
      </c>
      <c r="G63" s="8" t="s">
        <v>148</v>
      </c>
      <c r="H63" s="8" t="s">
        <v>149</v>
      </c>
      <c r="I63" s="25" t="s">
        <v>97</v>
      </c>
      <c r="J63" s="25" t="s">
        <v>98</v>
      </c>
    </row>
    <row r="64" spans="1:11" s="9" customFormat="1" x14ac:dyDescent="0.15">
      <c r="A64" s="6">
        <v>63</v>
      </c>
      <c r="B64" s="19" t="s">
        <v>367</v>
      </c>
      <c r="C64" s="7" t="s">
        <v>126</v>
      </c>
      <c r="D64" s="8" t="s">
        <v>129</v>
      </c>
      <c r="E64" s="8" t="s">
        <v>3</v>
      </c>
      <c r="F64" s="8" t="s">
        <v>41</v>
      </c>
      <c r="G64" s="8" t="s">
        <v>146</v>
      </c>
      <c r="H64" s="8" t="s">
        <v>187</v>
      </c>
      <c r="I64" s="19" t="s">
        <v>124</v>
      </c>
      <c r="J64" s="19" t="s">
        <v>125</v>
      </c>
    </row>
    <row r="65" spans="1:10" s="9" customFormat="1" x14ac:dyDescent="0.15">
      <c r="A65" s="6">
        <v>64</v>
      </c>
      <c r="B65" s="19" t="s">
        <v>367</v>
      </c>
      <c r="C65" s="7" t="s">
        <v>197</v>
      </c>
      <c r="D65" s="8" t="s">
        <v>200</v>
      </c>
      <c r="E65" s="8" t="s">
        <v>3</v>
      </c>
      <c r="F65" s="8" t="s">
        <v>3</v>
      </c>
      <c r="G65" s="19" t="s">
        <v>202</v>
      </c>
      <c r="H65" s="19" t="s">
        <v>203</v>
      </c>
      <c r="I65" s="19" t="s">
        <v>385</v>
      </c>
      <c r="J65" s="19" t="s">
        <v>199</v>
      </c>
    </row>
    <row r="66" spans="1:10" s="9" customFormat="1" x14ac:dyDescent="0.15">
      <c r="A66" s="6">
        <v>65</v>
      </c>
      <c r="B66" s="19" t="s">
        <v>367</v>
      </c>
      <c r="C66" s="7" t="s">
        <v>197</v>
      </c>
      <c r="D66" s="8" t="s">
        <v>201</v>
      </c>
      <c r="E66" s="8" t="s">
        <v>3</v>
      </c>
      <c r="F66" s="8" t="s">
        <v>3</v>
      </c>
      <c r="G66" s="19" t="s">
        <v>202</v>
      </c>
      <c r="H66" s="19" t="s">
        <v>203</v>
      </c>
      <c r="I66" s="19" t="s">
        <v>385</v>
      </c>
      <c r="J66" s="19" t="s">
        <v>199</v>
      </c>
    </row>
    <row r="67" spans="1:10" s="9" customFormat="1" x14ac:dyDescent="0.15">
      <c r="A67" s="6">
        <v>66</v>
      </c>
      <c r="B67" s="19" t="s">
        <v>367</v>
      </c>
      <c r="C67" s="8" t="s">
        <v>246</v>
      </c>
      <c r="D67" s="8" t="s">
        <v>253</v>
      </c>
      <c r="E67" s="16" t="s">
        <v>374</v>
      </c>
      <c r="F67" s="8" t="s">
        <v>247</v>
      </c>
      <c r="G67" s="13" t="s">
        <v>248</v>
      </c>
      <c r="H67" s="13" t="s">
        <v>249</v>
      </c>
      <c r="I67" s="19" t="s">
        <v>250</v>
      </c>
      <c r="J67" s="19" t="s">
        <v>251</v>
      </c>
    </row>
    <row r="68" spans="1:10" s="9" customFormat="1" x14ac:dyDescent="0.15">
      <c r="A68" s="6">
        <v>67</v>
      </c>
      <c r="B68" s="19" t="s">
        <v>367</v>
      </c>
      <c r="C68" s="8" t="s">
        <v>321</v>
      </c>
      <c r="D68" s="21" t="s">
        <v>326</v>
      </c>
      <c r="E68" s="8" t="s">
        <v>3</v>
      </c>
      <c r="F68" s="8" t="s">
        <v>3</v>
      </c>
      <c r="G68" s="13" t="s">
        <v>323</v>
      </c>
      <c r="H68" s="13" t="s">
        <v>324</v>
      </c>
      <c r="I68" s="19" t="s">
        <v>325</v>
      </c>
      <c r="J68" s="19" t="s">
        <v>325</v>
      </c>
    </row>
    <row r="69" spans="1:10" s="9" customFormat="1" x14ac:dyDescent="0.15">
      <c r="A69" s="6">
        <v>68</v>
      </c>
      <c r="B69" s="19" t="s">
        <v>367</v>
      </c>
      <c r="C69" s="8" t="s">
        <v>321</v>
      </c>
      <c r="D69" s="21" t="s">
        <v>322</v>
      </c>
      <c r="E69" s="8" t="s">
        <v>3</v>
      </c>
      <c r="F69" s="8" t="s">
        <v>3</v>
      </c>
      <c r="G69" s="13" t="s">
        <v>323</v>
      </c>
      <c r="H69" s="13" t="s">
        <v>324</v>
      </c>
      <c r="I69" s="19" t="s">
        <v>325</v>
      </c>
      <c r="J69" s="19" t="s">
        <v>325</v>
      </c>
    </row>
    <row r="70" spans="1:10" s="9" customFormat="1" x14ac:dyDescent="0.15">
      <c r="A70" s="6">
        <v>69</v>
      </c>
      <c r="B70" s="19" t="s">
        <v>367</v>
      </c>
      <c r="C70" s="8" t="s">
        <v>351</v>
      </c>
      <c r="D70" s="8" t="s">
        <v>355</v>
      </c>
      <c r="E70" s="8" t="s">
        <v>3</v>
      </c>
      <c r="F70" s="8" t="s">
        <v>3</v>
      </c>
      <c r="G70" s="13" t="s">
        <v>352</v>
      </c>
      <c r="H70" s="13" t="s">
        <v>353</v>
      </c>
      <c r="I70" s="19" t="s">
        <v>354</v>
      </c>
      <c r="J70" s="19" t="s">
        <v>354</v>
      </c>
    </row>
    <row r="71" spans="1:10" s="9" customFormat="1" x14ac:dyDescent="0.15">
      <c r="A71" s="6">
        <v>70</v>
      </c>
      <c r="B71" s="19" t="s">
        <v>368</v>
      </c>
      <c r="C71" s="7" t="s">
        <v>39</v>
      </c>
      <c r="D71" s="8" t="s">
        <v>43</v>
      </c>
      <c r="E71" s="8" t="s">
        <v>3</v>
      </c>
      <c r="F71" s="8" t="s">
        <v>41</v>
      </c>
      <c r="G71" s="8" t="s">
        <v>174</v>
      </c>
      <c r="H71" s="8" t="s">
        <v>175</v>
      </c>
      <c r="I71" s="19" t="s">
        <v>40</v>
      </c>
      <c r="J71" s="19" t="s">
        <v>40</v>
      </c>
    </row>
    <row r="72" spans="1:10" s="9" customFormat="1" x14ac:dyDescent="0.15">
      <c r="A72" s="6">
        <v>71</v>
      </c>
      <c r="B72" s="19" t="s">
        <v>368</v>
      </c>
      <c r="C72" s="7" t="s">
        <v>59</v>
      </c>
      <c r="D72" s="8" t="s">
        <v>61</v>
      </c>
      <c r="E72" s="8" t="s">
        <v>3</v>
      </c>
      <c r="F72" s="8" t="s">
        <v>3</v>
      </c>
      <c r="G72" s="8" t="s">
        <v>178</v>
      </c>
      <c r="H72" s="8" t="s">
        <v>179</v>
      </c>
      <c r="I72" s="8" t="s">
        <v>60</v>
      </c>
      <c r="J72" s="8" t="s">
        <v>60</v>
      </c>
    </row>
    <row r="73" spans="1:10" s="9" customFormat="1" x14ac:dyDescent="0.15">
      <c r="A73" s="6">
        <v>72</v>
      </c>
      <c r="B73" s="19" t="s">
        <v>368</v>
      </c>
      <c r="C73" s="7" t="s">
        <v>70</v>
      </c>
      <c r="D73" s="8" t="s">
        <v>71</v>
      </c>
      <c r="E73" s="8" t="s">
        <v>3</v>
      </c>
      <c r="F73" s="8" t="s">
        <v>67</v>
      </c>
      <c r="G73" s="8" t="s">
        <v>158</v>
      </c>
      <c r="H73" s="8" t="s">
        <v>157</v>
      </c>
      <c r="I73" s="19" t="s">
        <v>68</v>
      </c>
      <c r="J73" s="19" t="s">
        <v>69</v>
      </c>
    </row>
    <row r="74" spans="1:10" s="9" customFormat="1" x14ac:dyDescent="0.15">
      <c r="A74" s="6">
        <v>73</v>
      </c>
      <c r="B74" s="19" t="s">
        <v>368</v>
      </c>
      <c r="C74" s="7" t="s">
        <v>70</v>
      </c>
      <c r="D74" s="8" t="s">
        <v>72</v>
      </c>
      <c r="E74" s="8" t="s">
        <v>3</v>
      </c>
      <c r="F74" s="8" t="s">
        <v>67</v>
      </c>
      <c r="G74" s="8" t="s">
        <v>158</v>
      </c>
      <c r="H74" s="8" t="s">
        <v>157</v>
      </c>
      <c r="I74" s="19" t="s">
        <v>68</v>
      </c>
      <c r="J74" s="19" t="s">
        <v>69</v>
      </c>
    </row>
    <row r="75" spans="1:10" s="9" customFormat="1" x14ac:dyDescent="0.15">
      <c r="A75" s="6">
        <v>74</v>
      </c>
      <c r="B75" s="19" t="s">
        <v>368</v>
      </c>
      <c r="C75" s="7" t="s">
        <v>73</v>
      </c>
      <c r="D75" s="8" t="s">
        <v>77</v>
      </c>
      <c r="E75" s="8" t="s">
        <v>3</v>
      </c>
      <c r="F75" s="8" t="s">
        <v>41</v>
      </c>
      <c r="G75" s="8" t="s">
        <v>156</v>
      </c>
      <c r="H75" s="8" t="s">
        <v>186</v>
      </c>
      <c r="I75" s="19" t="s">
        <v>83</v>
      </c>
      <c r="J75" s="19" t="s">
        <v>376</v>
      </c>
    </row>
    <row r="76" spans="1:10" s="9" customFormat="1" x14ac:dyDescent="0.15">
      <c r="A76" s="6">
        <v>75</v>
      </c>
      <c r="B76" s="19" t="s">
        <v>368</v>
      </c>
      <c r="C76" s="10" t="s">
        <v>78</v>
      </c>
      <c r="D76" s="11" t="s">
        <v>80</v>
      </c>
      <c r="E76" s="11" t="s">
        <v>81</v>
      </c>
      <c r="F76" s="11" t="s">
        <v>82</v>
      </c>
      <c r="G76" s="8" t="s">
        <v>155</v>
      </c>
      <c r="H76" s="8" t="s">
        <v>154</v>
      </c>
      <c r="I76" s="25" t="s">
        <v>79</v>
      </c>
      <c r="J76" s="25" t="s">
        <v>371</v>
      </c>
    </row>
    <row r="77" spans="1:10" s="9" customFormat="1" x14ac:dyDescent="0.15">
      <c r="A77" s="6">
        <v>76</v>
      </c>
      <c r="B77" s="19" t="s">
        <v>368</v>
      </c>
      <c r="C77" s="7" t="s">
        <v>103</v>
      </c>
      <c r="D77" s="8" t="s">
        <v>106</v>
      </c>
      <c r="E77" s="8" t="s">
        <v>107</v>
      </c>
      <c r="F77" s="8" t="s">
        <v>108</v>
      </c>
      <c r="G77" s="8" t="s">
        <v>184</v>
      </c>
      <c r="H77" s="8" t="s">
        <v>185</v>
      </c>
      <c r="I77" s="19" t="s">
        <v>105</v>
      </c>
      <c r="J77" s="19" t="s">
        <v>105</v>
      </c>
    </row>
    <row r="78" spans="1:10" s="9" customFormat="1" x14ac:dyDescent="0.15">
      <c r="A78" s="6">
        <v>77</v>
      </c>
      <c r="B78" s="19" t="s">
        <v>368</v>
      </c>
      <c r="C78" s="7" t="s">
        <v>109</v>
      </c>
      <c r="D78" s="8" t="s">
        <v>117</v>
      </c>
      <c r="E78" s="11" t="s">
        <v>81</v>
      </c>
      <c r="F78" s="11" t="s">
        <v>81</v>
      </c>
      <c r="G78" s="8" t="s">
        <v>141</v>
      </c>
      <c r="H78" s="8" t="s">
        <v>142</v>
      </c>
      <c r="I78" s="22" t="s">
        <v>112</v>
      </c>
      <c r="J78" s="22" t="s">
        <v>113</v>
      </c>
    </row>
    <row r="79" spans="1:10" s="9" customFormat="1" x14ac:dyDescent="0.15">
      <c r="A79" s="6">
        <v>78</v>
      </c>
      <c r="B79" s="19" t="s">
        <v>368</v>
      </c>
      <c r="C79" s="7" t="s">
        <v>118</v>
      </c>
      <c r="D79" s="8" t="s">
        <v>121</v>
      </c>
      <c r="E79" s="8" t="s">
        <v>3</v>
      </c>
      <c r="F79" s="8" t="s">
        <v>41</v>
      </c>
      <c r="G79" s="8" t="s">
        <v>144</v>
      </c>
      <c r="H79" s="8" t="s">
        <v>143</v>
      </c>
      <c r="I79" s="22" t="s">
        <v>119</v>
      </c>
      <c r="J79" s="22" t="s">
        <v>120</v>
      </c>
    </row>
    <row r="80" spans="1:10" s="9" customFormat="1" x14ac:dyDescent="0.15">
      <c r="A80" s="6">
        <v>79</v>
      </c>
      <c r="B80" s="19" t="s">
        <v>368</v>
      </c>
      <c r="C80" s="7" t="s">
        <v>118</v>
      </c>
      <c r="D80" s="8" t="s">
        <v>122</v>
      </c>
      <c r="E80" s="8" t="s">
        <v>3</v>
      </c>
      <c r="F80" s="8" t="s">
        <v>41</v>
      </c>
      <c r="G80" s="8" t="s">
        <v>144</v>
      </c>
      <c r="H80" s="8" t="s">
        <v>143</v>
      </c>
      <c r="I80" s="22" t="s">
        <v>119</v>
      </c>
      <c r="J80" s="22" t="s">
        <v>120</v>
      </c>
    </row>
    <row r="81" spans="1:12" s="9" customFormat="1" x14ac:dyDescent="0.15">
      <c r="A81" s="6">
        <v>80</v>
      </c>
      <c r="B81" s="19" t="s">
        <v>368</v>
      </c>
      <c r="C81" s="7" t="s">
        <v>118</v>
      </c>
      <c r="D81" s="8" t="s">
        <v>123</v>
      </c>
      <c r="E81" s="8" t="s">
        <v>3</v>
      </c>
      <c r="F81" s="8" t="s">
        <v>41</v>
      </c>
      <c r="G81" s="8" t="s">
        <v>144</v>
      </c>
      <c r="H81" s="8" t="s">
        <v>143</v>
      </c>
      <c r="I81" s="22" t="s">
        <v>119</v>
      </c>
      <c r="J81" s="22" t="s">
        <v>120</v>
      </c>
    </row>
    <row r="82" spans="1:12" s="9" customFormat="1" x14ac:dyDescent="0.15">
      <c r="A82" s="6">
        <v>81</v>
      </c>
      <c r="B82" s="19" t="s">
        <v>368</v>
      </c>
      <c r="C82" s="14" t="s">
        <v>216</v>
      </c>
      <c r="D82" s="13" t="s">
        <v>221</v>
      </c>
      <c r="E82" s="15" t="s">
        <v>3</v>
      </c>
      <c r="F82" s="15" t="s">
        <v>3</v>
      </c>
      <c r="G82" s="13" t="s">
        <v>217</v>
      </c>
      <c r="H82" s="13" t="s">
        <v>218</v>
      </c>
      <c r="I82" s="26" t="s">
        <v>219</v>
      </c>
      <c r="J82" s="26" t="s">
        <v>220</v>
      </c>
    </row>
    <row r="83" spans="1:12" s="9" customFormat="1" x14ac:dyDescent="0.15">
      <c r="A83" s="6">
        <v>82</v>
      </c>
      <c r="B83" s="19" t="s">
        <v>368</v>
      </c>
      <c r="C83" s="8" t="s">
        <v>254</v>
      </c>
      <c r="D83" s="8" t="s">
        <v>255</v>
      </c>
      <c r="E83" s="8" t="s">
        <v>3</v>
      </c>
      <c r="F83" s="8" t="s">
        <v>52</v>
      </c>
      <c r="G83" s="13" t="s">
        <v>259</v>
      </c>
      <c r="H83" s="13" t="s">
        <v>258</v>
      </c>
      <c r="I83" s="19" t="s">
        <v>256</v>
      </c>
      <c r="J83" s="19" t="s">
        <v>257</v>
      </c>
    </row>
    <row r="84" spans="1:12" s="9" customFormat="1" x14ac:dyDescent="0.15">
      <c r="A84" s="6">
        <v>83</v>
      </c>
      <c r="B84" s="19" t="s">
        <v>368</v>
      </c>
      <c r="C84" s="12" t="s">
        <v>261</v>
      </c>
      <c r="D84" s="12" t="s">
        <v>262</v>
      </c>
      <c r="E84" s="12" t="s">
        <v>3</v>
      </c>
      <c r="F84" s="12" t="s">
        <v>81</v>
      </c>
      <c r="G84" s="12" t="s">
        <v>263</v>
      </c>
      <c r="H84" s="12" t="s">
        <v>264</v>
      </c>
      <c r="I84" s="27" t="s">
        <v>265</v>
      </c>
      <c r="J84" s="27" t="s">
        <v>266</v>
      </c>
    </row>
    <row r="85" spans="1:12" s="9" customFormat="1" x14ac:dyDescent="0.15">
      <c r="A85" s="6">
        <v>84</v>
      </c>
      <c r="B85" s="19" t="s">
        <v>368</v>
      </c>
      <c r="C85" s="8" t="s">
        <v>288</v>
      </c>
      <c r="D85" s="8" t="s">
        <v>289</v>
      </c>
      <c r="E85" s="8" t="s">
        <v>3</v>
      </c>
      <c r="F85" s="8" t="s">
        <v>41</v>
      </c>
      <c r="G85" s="12" t="s">
        <v>292</v>
      </c>
      <c r="H85" s="12" t="s">
        <v>293</v>
      </c>
      <c r="I85" s="19" t="s">
        <v>290</v>
      </c>
      <c r="J85" s="19" t="s">
        <v>291</v>
      </c>
    </row>
    <row r="86" spans="1:12" s="9" customFormat="1" x14ac:dyDescent="0.15">
      <c r="A86" s="6">
        <v>85</v>
      </c>
      <c r="B86" s="19" t="s">
        <v>368</v>
      </c>
      <c r="C86" s="19" t="s">
        <v>344</v>
      </c>
      <c r="D86" s="19" t="s">
        <v>339</v>
      </c>
      <c r="E86" s="8" t="s">
        <v>3</v>
      </c>
      <c r="F86" s="8" t="s">
        <v>41</v>
      </c>
      <c r="G86" s="12" t="s">
        <v>340</v>
      </c>
      <c r="H86" s="12" t="s">
        <v>341</v>
      </c>
      <c r="I86" s="19" t="s">
        <v>342</v>
      </c>
      <c r="J86" s="19" t="s">
        <v>343</v>
      </c>
    </row>
    <row r="87" spans="1:12" s="9" customFormat="1" ht="37.5" customHeight="1" x14ac:dyDescent="0.15">
      <c r="A87" s="6">
        <v>86</v>
      </c>
      <c r="B87" s="19" t="s">
        <v>368</v>
      </c>
      <c r="C87" s="19" t="s">
        <v>356</v>
      </c>
      <c r="D87" s="23" t="s">
        <v>370</v>
      </c>
      <c r="E87" s="21" t="s">
        <v>401</v>
      </c>
      <c r="F87" s="8" t="s">
        <v>41</v>
      </c>
      <c r="G87" s="12" t="s">
        <v>357</v>
      </c>
      <c r="H87" s="12" t="s">
        <v>358</v>
      </c>
      <c r="I87" s="19" t="s">
        <v>359</v>
      </c>
      <c r="J87" s="19" t="s">
        <v>360</v>
      </c>
      <c r="K87" s="30"/>
    </row>
    <row r="88" spans="1:12" s="9" customFormat="1" x14ac:dyDescent="0.15">
      <c r="A88" s="6">
        <v>87</v>
      </c>
      <c r="B88" s="19" t="s">
        <v>368</v>
      </c>
      <c r="C88" s="7" t="s">
        <v>126</v>
      </c>
      <c r="D88" s="8" t="s">
        <v>127</v>
      </c>
      <c r="E88" s="8" t="s">
        <v>3</v>
      </c>
      <c r="F88" s="8" t="s">
        <v>41</v>
      </c>
      <c r="G88" s="8" t="s">
        <v>147</v>
      </c>
      <c r="H88" s="8" t="s">
        <v>187</v>
      </c>
      <c r="I88" s="19" t="s">
        <v>124</v>
      </c>
      <c r="J88" s="19" t="s">
        <v>125</v>
      </c>
    </row>
    <row r="89" spans="1:12" s="1" customFormat="1" x14ac:dyDescent="0.15">
      <c r="A89" s="6">
        <v>88</v>
      </c>
      <c r="B89" s="19" t="s">
        <v>368</v>
      </c>
      <c r="C89" s="12" t="s">
        <v>393</v>
      </c>
      <c r="D89" s="12" t="s">
        <v>394</v>
      </c>
      <c r="E89" s="12" t="s">
        <v>3</v>
      </c>
      <c r="F89" s="12" t="s">
        <v>3</v>
      </c>
      <c r="G89" s="12" t="s">
        <v>399</v>
      </c>
      <c r="H89" s="12" t="s">
        <v>396</v>
      </c>
      <c r="I89" s="12" t="s">
        <v>397</v>
      </c>
      <c r="J89" s="12" t="s">
        <v>400</v>
      </c>
      <c r="K89" s="32"/>
      <c r="L89" s="31"/>
    </row>
    <row r="90" spans="1:12" s="1" customFormat="1" x14ac:dyDescent="0.15">
      <c r="A90" s="6">
        <v>89</v>
      </c>
      <c r="B90" s="19" t="s">
        <v>368</v>
      </c>
      <c r="C90" s="12" t="s">
        <v>393</v>
      </c>
      <c r="D90" s="12" t="s">
        <v>398</v>
      </c>
      <c r="E90" s="12" t="s">
        <v>3</v>
      </c>
      <c r="F90" s="12" t="s">
        <v>3</v>
      </c>
      <c r="G90" s="12" t="s">
        <v>395</v>
      </c>
      <c r="H90" s="12" t="s">
        <v>396</v>
      </c>
      <c r="I90" s="12" t="s">
        <v>400</v>
      </c>
      <c r="J90" s="12" t="s">
        <v>397</v>
      </c>
      <c r="K90" s="32"/>
    </row>
    <row r="91" spans="1:12" s="1" customFormat="1" x14ac:dyDescent="0.15">
      <c r="A91" s="3"/>
      <c r="B91" s="3"/>
      <c r="C91" s="3"/>
      <c r="D91" s="3"/>
      <c r="G91" s="3"/>
      <c r="I91" s="3"/>
      <c r="J91" s="3"/>
    </row>
    <row r="92" spans="1:12" s="1" customFormat="1" x14ac:dyDescent="0.15">
      <c r="A92" s="3"/>
      <c r="B92" s="3"/>
      <c r="C92" s="3"/>
      <c r="D92" s="3"/>
      <c r="G92" s="3"/>
      <c r="I92" s="3"/>
      <c r="J92" s="3"/>
    </row>
    <row r="93" spans="1:12" s="1" customFormat="1" x14ac:dyDescent="0.15">
      <c r="A93" s="3"/>
      <c r="B93" s="3"/>
      <c r="C93" s="3"/>
      <c r="D93" s="3"/>
      <c r="G93" s="3"/>
      <c r="I93" s="3"/>
      <c r="J93" s="3"/>
    </row>
    <row r="94" spans="1:12" s="1" customFormat="1" x14ac:dyDescent="0.15">
      <c r="A94" s="3"/>
      <c r="B94" s="3"/>
      <c r="C94" s="3"/>
      <c r="D94" s="3"/>
      <c r="G94" s="3"/>
      <c r="I94" s="3"/>
      <c r="J94" s="3"/>
    </row>
    <row r="95" spans="1:12" s="1" customFormat="1" x14ac:dyDescent="0.15">
      <c r="A95" s="3"/>
      <c r="B95" s="3"/>
      <c r="C95" s="3"/>
      <c r="D95" s="3"/>
      <c r="G95" s="3"/>
      <c r="I95" s="3"/>
      <c r="J95" s="3"/>
    </row>
    <row r="96" spans="1:12" s="1" customFormat="1" x14ac:dyDescent="0.15">
      <c r="A96" s="3"/>
      <c r="B96" s="3"/>
      <c r="C96" s="3"/>
      <c r="D96" s="3"/>
      <c r="G96" s="3"/>
      <c r="I96" s="3"/>
      <c r="J96" s="3"/>
    </row>
    <row r="97" spans="1:10" s="1" customFormat="1" x14ac:dyDescent="0.15">
      <c r="A97" s="3"/>
      <c r="B97" s="3"/>
      <c r="C97" s="3"/>
      <c r="D97" s="3"/>
      <c r="G97" s="3"/>
      <c r="I97" s="3"/>
      <c r="J97" s="3"/>
    </row>
    <row r="98" spans="1:10" s="1" customFormat="1" x14ac:dyDescent="0.15">
      <c r="A98" s="3"/>
      <c r="B98" s="3"/>
      <c r="C98" s="3"/>
      <c r="D98" s="3"/>
      <c r="G98" s="3"/>
      <c r="I98" s="3"/>
      <c r="J98" s="3"/>
    </row>
    <row r="99" spans="1:10" s="1" customFormat="1" x14ac:dyDescent="0.15">
      <c r="A99" s="3"/>
      <c r="B99" s="3"/>
      <c r="C99" s="3"/>
      <c r="D99" s="3"/>
      <c r="G99" s="3"/>
      <c r="I99" s="3"/>
      <c r="J99" s="3"/>
    </row>
    <row r="100" spans="1:10" s="1" customFormat="1" x14ac:dyDescent="0.15">
      <c r="A100" s="3"/>
      <c r="B100" s="3"/>
      <c r="C100" s="3"/>
      <c r="D100" s="3"/>
      <c r="G100" s="3"/>
      <c r="I100" s="3"/>
      <c r="J100" s="3"/>
    </row>
    <row r="101" spans="1:10" s="1" customFormat="1" x14ac:dyDescent="0.15">
      <c r="A101" s="3"/>
      <c r="B101" s="3"/>
      <c r="C101" s="3"/>
      <c r="D101" s="3"/>
      <c r="G101" s="3"/>
      <c r="I101" s="3"/>
      <c r="J101" s="3"/>
    </row>
    <row r="102" spans="1:10" s="1" customFormat="1" x14ac:dyDescent="0.15">
      <c r="A102" s="3"/>
      <c r="B102" s="3"/>
      <c r="C102" s="3"/>
      <c r="D102" s="3"/>
      <c r="G102" s="3"/>
      <c r="I102" s="3"/>
      <c r="J102" s="3"/>
    </row>
    <row r="103" spans="1:10" s="1" customFormat="1" x14ac:dyDescent="0.15">
      <c r="A103" s="3"/>
      <c r="B103" s="3"/>
      <c r="C103" s="3"/>
      <c r="D103" s="3"/>
      <c r="G103" s="3"/>
      <c r="I103" s="3"/>
      <c r="J103" s="3"/>
    </row>
    <row r="104" spans="1:10" s="1" customFormat="1" x14ac:dyDescent="0.15">
      <c r="A104" s="3"/>
      <c r="B104" s="3"/>
      <c r="C104" s="3"/>
      <c r="D104" s="3"/>
      <c r="G104" s="3"/>
      <c r="I104" s="3"/>
      <c r="J104" s="3"/>
    </row>
    <row r="105" spans="1:10" s="1" customFormat="1" x14ac:dyDescent="0.15">
      <c r="A105" s="3"/>
      <c r="B105" s="3"/>
      <c r="C105" s="3"/>
      <c r="D105" s="3"/>
      <c r="G105" s="3"/>
      <c r="I105" s="3"/>
      <c r="J105" s="3"/>
    </row>
    <row r="106" spans="1:10" s="1" customFormat="1" x14ac:dyDescent="0.15">
      <c r="A106" s="3"/>
      <c r="B106" s="3"/>
      <c r="C106" s="3"/>
      <c r="D106" s="3"/>
      <c r="G106" s="3"/>
      <c r="I106" s="3"/>
      <c r="J106" s="3"/>
    </row>
    <row r="107" spans="1:10" s="1" customFormat="1" x14ac:dyDescent="0.15">
      <c r="A107" s="3"/>
      <c r="B107" s="3"/>
      <c r="C107" s="3"/>
      <c r="D107" s="3"/>
      <c r="G107" s="3"/>
      <c r="I107" s="3"/>
      <c r="J107" s="3"/>
    </row>
    <row r="108" spans="1:10" s="1" customFormat="1" x14ac:dyDescent="0.15">
      <c r="A108" s="3"/>
      <c r="B108" s="3"/>
      <c r="C108" s="3"/>
      <c r="D108" s="3"/>
      <c r="G108" s="3"/>
      <c r="I108" s="3"/>
      <c r="J108" s="3"/>
    </row>
    <row r="109" spans="1:10" s="1" customFormat="1" x14ac:dyDescent="0.15">
      <c r="A109" s="3"/>
      <c r="B109" s="3"/>
      <c r="C109" s="3"/>
      <c r="D109" s="3"/>
      <c r="G109" s="3"/>
      <c r="I109" s="3"/>
      <c r="J109" s="3"/>
    </row>
    <row r="110" spans="1:10" s="1" customFormat="1" x14ac:dyDescent="0.15">
      <c r="A110" s="3"/>
      <c r="B110" s="3"/>
      <c r="C110" s="3"/>
      <c r="D110" s="3"/>
      <c r="G110" s="3"/>
      <c r="I110" s="3"/>
      <c r="J110" s="3"/>
    </row>
    <row r="111" spans="1:10" s="1" customFormat="1" x14ac:dyDescent="0.15">
      <c r="A111" s="3"/>
      <c r="B111" s="3"/>
      <c r="C111" s="3"/>
      <c r="D111" s="3"/>
      <c r="G111" s="3"/>
      <c r="I111" s="3"/>
      <c r="J111" s="3"/>
    </row>
    <row r="112" spans="1:10" s="1" customFormat="1" x14ac:dyDescent="0.15">
      <c r="A112" s="3"/>
      <c r="B112" s="3"/>
      <c r="C112" s="3"/>
      <c r="D112" s="3"/>
      <c r="G112" s="3"/>
      <c r="I112" s="3"/>
      <c r="J112" s="3"/>
    </row>
    <row r="113" spans="1:10" s="1" customFormat="1" x14ac:dyDescent="0.15">
      <c r="A113" s="3"/>
      <c r="B113" s="3"/>
      <c r="C113" s="3"/>
      <c r="D113" s="3"/>
      <c r="G113" s="3"/>
      <c r="I113" s="3"/>
      <c r="J113" s="3"/>
    </row>
    <row r="114" spans="1:10" s="1" customFormat="1" x14ac:dyDescent="0.15">
      <c r="A114" s="3"/>
      <c r="B114" s="3"/>
      <c r="C114" s="3"/>
      <c r="D114" s="3"/>
      <c r="G114" s="3"/>
      <c r="I114" s="3"/>
      <c r="J114" s="3"/>
    </row>
    <row r="115" spans="1:10" s="1" customFormat="1" x14ac:dyDescent="0.15">
      <c r="A115" s="3"/>
      <c r="B115" s="3"/>
      <c r="C115" s="3"/>
      <c r="D115" s="3"/>
      <c r="G115" s="3"/>
      <c r="I115" s="3"/>
      <c r="J115" s="3"/>
    </row>
    <row r="116" spans="1:10" s="1" customFormat="1" x14ac:dyDescent="0.15">
      <c r="A116" s="3"/>
      <c r="B116" s="3"/>
      <c r="C116" s="3"/>
      <c r="D116" s="3"/>
      <c r="G116" s="3"/>
      <c r="I116" s="3"/>
      <c r="J116" s="3"/>
    </row>
    <row r="117" spans="1:10" s="1" customFormat="1" x14ac:dyDescent="0.15">
      <c r="A117" s="3"/>
      <c r="B117" s="3"/>
      <c r="C117" s="3"/>
      <c r="D117" s="3"/>
      <c r="G117" s="3"/>
      <c r="I117" s="3"/>
      <c r="J117" s="3"/>
    </row>
    <row r="118" spans="1:10" s="1" customFormat="1" x14ac:dyDescent="0.15">
      <c r="A118" s="3"/>
      <c r="B118" s="3"/>
      <c r="C118" s="3"/>
      <c r="D118" s="3"/>
      <c r="G118" s="3"/>
      <c r="I118" s="3"/>
      <c r="J118" s="3"/>
    </row>
    <row r="119" spans="1:10" s="1" customFormat="1" x14ac:dyDescent="0.15">
      <c r="A119" s="3"/>
      <c r="B119" s="3"/>
      <c r="C119" s="3"/>
      <c r="D119" s="3"/>
      <c r="G119" s="3"/>
      <c r="I119" s="3"/>
      <c r="J119" s="3"/>
    </row>
    <row r="120" spans="1:10" s="1" customFormat="1" x14ac:dyDescent="0.15">
      <c r="A120" s="3"/>
      <c r="B120" s="3"/>
      <c r="C120" s="3"/>
      <c r="D120" s="3"/>
      <c r="G120" s="3"/>
      <c r="I120" s="3"/>
      <c r="J120" s="3"/>
    </row>
    <row r="121" spans="1:10" s="1" customFormat="1" x14ac:dyDescent="0.15">
      <c r="A121" s="3"/>
      <c r="B121" s="3"/>
      <c r="C121" s="3"/>
      <c r="D121" s="3"/>
      <c r="G121" s="3"/>
      <c r="I121" s="3"/>
      <c r="J121" s="3"/>
    </row>
    <row r="122" spans="1:10" s="1" customFormat="1" x14ac:dyDescent="0.15">
      <c r="A122" s="3"/>
      <c r="B122" s="3"/>
      <c r="C122" s="3"/>
      <c r="D122" s="3"/>
      <c r="G122" s="3"/>
      <c r="I122" s="3"/>
      <c r="J122" s="3"/>
    </row>
    <row r="123" spans="1:10" s="1" customFormat="1" x14ac:dyDescent="0.15">
      <c r="A123" s="3"/>
      <c r="B123" s="3"/>
      <c r="C123" s="3"/>
      <c r="D123" s="3"/>
      <c r="G123" s="3"/>
      <c r="I123" s="3"/>
      <c r="J123" s="3"/>
    </row>
    <row r="124" spans="1:10" s="1" customFormat="1" x14ac:dyDescent="0.15">
      <c r="A124" s="3"/>
      <c r="B124" s="3"/>
      <c r="C124" s="3"/>
      <c r="D124" s="3"/>
      <c r="G124" s="3"/>
      <c r="I124" s="3"/>
      <c r="J124" s="3"/>
    </row>
    <row r="125" spans="1:10" s="1" customFormat="1" x14ac:dyDescent="0.15">
      <c r="A125" s="3"/>
      <c r="B125" s="3"/>
      <c r="C125" s="3"/>
      <c r="D125" s="3"/>
      <c r="G125" s="3"/>
      <c r="I125" s="3"/>
      <c r="J125" s="3"/>
    </row>
    <row r="126" spans="1:10" s="1" customFormat="1" x14ac:dyDescent="0.15">
      <c r="A126" s="3"/>
      <c r="B126" s="3"/>
      <c r="C126" s="3"/>
      <c r="D126" s="3"/>
      <c r="G126" s="3"/>
      <c r="I126" s="3"/>
      <c r="J126" s="3"/>
    </row>
    <row r="127" spans="1:10" s="1" customFormat="1" x14ac:dyDescent="0.15">
      <c r="A127" s="3"/>
      <c r="B127" s="3"/>
      <c r="C127" s="3"/>
      <c r="D127" s="3"/>
      <c r="G127" s="3"/>
      <c r="I127" s="3"/>
      <c r="J127" s="3"/>
    </row>
    <row r="128" spans="1:10" s="1" customFormat="1" x14ac:dyDescent="0.15">
      <c r="A128" s="3"/>
      <c r="B128" s="3"/>
      <c r="C128" s="3"/>
      <c r="D128" s="3"/>
      <c r="G128" s="3"/>
      <c r="I128" s="3"/>
      <c r="J128" s="3"/>
    </row>
    <row r="129" spans="1:10" s="1" customFormat="1" x14ac:dyDescent="0.15">
      <c r="A129" s="3"/>
      <c r="B129" s="3"/>
      <c r="C129" s="3"/>
      <c r="D129" s="3"/>
      <c r="G129" s="3"/>
      <c r="I129" s="3"/>
      <c r="J129" s="3"/>
    </row>
    <row r="130" spans="1:10" s="1" customFormat="1" x14ac:dyDescent="0.15">
      <c r="A130" s="3"/>
      <c r="B130" s="3"/>
      <c r="C130" s="3"/>
      <c r="D130" s="3"/>
      <c r="G130" s="3"/>
      <c r="I130" s="3"/>
      <c r="J130" s="3"/>
    </row>
    <row r="131" spans="1:10" s="1" customFormat="1" x14ac:dyDescent="0.15">
      <c r="A131" s="3"/>
      <c r="B131" s="3"/>
      <c r="C131" s="3"/>
      <c r="D131" s="3"/>
      <c r="G131" s="3"/>
      <c r="I131" s="3"/>
      <c r="J131" s="3"/>
    </row>
    <row r="132" spans="1:10" s="1" customFormat="1" x14ac:dyDescent="0.15">
      <c r="A132" s="3"/>
      <c r="B132" s="3"/>
      <c r="C132" s="3"/>
      <c r="D132" s="3"/>
      <c r="G132" s="3"/>
      <c r="I132" s="3"/>
      <c r="J132" s="3"/>
    </row>
    <row r="133" spans="1:10" s="1" customFormat="1" x14ac:dyDescent="0.15">
      <c r="A133" s="3"/>
      <c r="B133" s="3"/>
      <c r="C133" s="3"/>
      <c r="D133" s="3"/>
      <c r="G133" s="3"/>
      <c r="I133" s="3"/>
      <c r="J133" s="3"/>
    </row>
    <row r="134" spans="1:10" s="1" customFormat="1" x14ac:dyDescent="0.15">
      <c r="A134" s="3"/>
      <c r="B134" s="3"/>
      <c r="C134" s="3"/>
      <c r="D134" s="3"/>
      <c r="G134" s="3"/>
      <c r="I134" s="3"/>
      <c r="J134" s="3"/>
    </row>
    <row r="135" spans="1:10" s="1" customFormat="1" x14ac:dyDescent="0.15">
      <c r="A135" s="3"/>
      <c r="B135" s="3"/>
      <c r="C135" s="3"/>
      <c r="D135" s="3"/>
      <c r="G135" s="3"/>
      <c r="I135" s="3"/>
      <c r="J135" s="3"/>
    </row>
    <row r="136" spans="1:10" s="1" customFormat="1" x14ac:dyDescent="0.15">
      <c r="A136" s="3"/>
      <c r="B136" s="3"/>
      <c r="C136" s="3"/>
      <c r="D136" s="3"/>
      <c r="G136" s="3"/>
      <c r="I136" s="3"/>
      <c r="J136" s="3"/>
    </row>
    <row r="137" spans="1:10" s="1" customFormat="1" x14ac:dyDescent="0.15">
      <c r="A137" s="3"/>
      <c r="B137" s="3"/>
      <c r="C137" s="3"/>
      <c r="D137" s="3"/>
      <c r="G137" s="3"/>
      <c r="I137" s="3"/>
      <c r="J137" s="3"/>
    </row>
    <row r="138" spans="1:10" s="1" customFormat="1" x14ac:dyDescent="0.15">
      <c r="A138" s="3"/>
      <c r="B138" s="3"/>
      <c r="C138" s="3"/>
      <c r="D138" s="3"/>
      <c r="G138" s="3"/>
      <c r="I138" s="3"/>
      <c r="J138" s="3"/>
    </row>
    <row r="139" spans="1:10" s="1" customFormat="1" x14ac:dyDescent="0.15">
      <c r="A139" s="3"/>
      <c r="B139" s="3"/>
      <c r="C139" s="3"/>
      <c r="D139" s="3"/>
      <c r="G139" s="3"/>
      <c r="I139" s="3"/>
      <c r="J139" s="3"/>
    </row>
    <row r="140" spans="1:10" s="1" customFormat="1" x14ac:dyDescent="0.15">
      <c r="A140" s="3"/>
      <c r="B140" s="3"/>
      <c r="C140" s="3"/>
      <c r="D140" s="3"/>
      <c r="G140" s="3"/>
      <c r="I140" s="3"/>
      <c r="J140" s="3"/>
    </row>
    <row r="141" spans="1:10" s="1" customFormat="1" x14ac:dyDescent="0.15">
      <c r="A141" s="3"/>
      <c r="B141" s="3"/>
      <c r="C141" s="3"/>
      <c r="D141" s="3"/>
      <c r="G141" s="3"/>
      <c r="I141" s="3"/>
      <c r="J141" s="3"/>
    </row>
    <row r="142" spans="1:10" s="1" customFormat="1" x14ac:dyDescent="0.15">
      <c r="A142" s="3"/>
      <c r="B142" s="3"/>
      <c r="C142" s="3"/>
      <c r="D142" s="3"/>
      <c r="G142" s="3"/>
      <c r="I142" s="3"/>
      <c r="J142" s="3"/>
    </row>
    <row r="143" spans="1:10" s="1" customFormat="1" x14ac:dyDescent="0.15">
      <c r="A143" s="3"/>
      <c r="B143" s="3"/>
      <c r="C143" s="3"/>
      <c r="D143" s="3"/>
      <c r="G143" s="3"/>
      <c r="I143" s="3"/>
      <c r="J143" s="3"/>
    </row>
    <row r="144" spans="1:10" s="1" customFormat="1" x14ac:dyDescent="0.15">
      <c r="A144" s="3"/>
      <c r="B144" s="3"/>
      <c r="C144" s="3"/>
      <c r="D144" s="3"/>
      <c r="G144" s="3"/>
      <c r="I144" s="3"/>
      <c r="J144" s="3"/>
    </row>
    <row r="145" spans="1:10" s="1" customFormat="1" x14ac:dyDescent="0.15">
      <c r="A145" s="3"/>
      <c r="B145" s="3"/>
      <c r="C145" s="3"/>
      <c r="D145" s="3"/>
      <c r="G145" s="3"/>
      <c r="I145" s="3"/>
      <c r="J145" s="3"/>
    </row>
    <row r="146" spans="1:10" s="1" customFormat="1" x14ac:dyDescent="0.15">
      <c r="A146" s="3"/>
      <c r="B146" s="3"/>
      <c r="C146" s="3"/>
      <c r="D146" s="3"/>
      <c r="G146" s="3"/>
      <c r="I146" s="3"/>
      <c r="J146" s="3"/>
    </row>
    <row r="147" spans="1:10" s="1" customFormat="1" x14ac:dyDescent="0.15">
      <c r="A147" s="3"/>
      <c r="B147" s="3"/>
      <c r="C147" s="3"/>
      <c r="D147" s="3"/>
      <c r="G147" s="3"/>
      <c r="I147" s="3"/>
      <c r="J147" s="3"/>
    </row>
    <row r="148" spans="1:10" s="1" customFormat="1" x14ac:dyDescent="0.15">
      <c r="A148" s="3"/>
      <c r="B148" s="3"/>
      <c r="C148" s="3"/>
      <c r="D148" s="3"/>
      <c r="G148" s="3"/>
      <c r="I148" s="3"/>
      <c r="J148" s="3"/>
    </row>
    <row r="149" spans="1:10" s="1" customFormat="1" x14ac:dyDescent="0.15">
      <c r="A149" s="3"/>
      <c r="B149" s="3"/>
      <c r="C149" s="3"/>
      <c r="D149" s="3"/>
      <c r="G149" s="3"/>
      <c r="I149" s="3"/>
      <c r="J149" s="3"/>
    </row>
    <row r="150" spans="1:10" s="1" customFormat="1" x14ac:dyDescent="0.15">
      <c r="A150" s="3"/>
      <c r="B150" s="3"/>
      <c r="C150" s="3"/>
      <c r="D150" s="3"/>
      <c r="G150" s="3"/>
      <c r="I150" s="3"/>
      <c r="J150" s="3"/>
    </row>
    <row r="151" spans="1:10" s="1" customFormat="1" x14ac:dyDescent="0.15">
      <c r="A151" s="3"/>
      <c r="B151" s="3"/>
      <c r="C151" s="3"/>
      <c r="D151" s="3"/>
      <c r="G151" s="3"/>
      <c r="I151" s="3"/>
      <c r="J151" s="3"/>
    </row>
    <row r="152" spans="1:10" s="1" customFormat="1" x14ac:dyDescent="0.15">
      <c r="A152" s="3"/>
      <c r="B152" s="3"/>
      <c r="C152" s="3"/>
      <c r="D152" s="3"/>
      <c r="G152" s="3"/>
      <c r="I152" s="3"/>
      <c r="J152" s="3"/>
    </row>
    <row r="153" spans="1:10" s="1" customFormat="1" x14ac:dyDescent="0.15">
      <c r="A153" s="3"/>
      <c r="B153" s="3"/>
      <c r="C153" s="3"/>
      <c r="D153" s="3"/>
      <c r="G153" s="3"/>
      <c r="I153" s="3"/>
      <c r="J153" s="3"/>
    </row>
    <row r="154" spans="1:10" s="1" customFormat="1" x14ac:dyDescent="0.15">
      <c r="A154" s="3"/>
      <c r="B154" s="3"/>
      <c r="C154" s="3"/>
      <c r="D154" s="3"/>
      <c r="G154" s="3"/>
      <c r="I154" s="3"/>
      <c r="J154" s="3"/>
    </row>
    <row r="155" spans="1:10" s="1" customFormat="1" x14ac:dyDescent="0.15">
      <c r="A155" s="3"/>
      <c r="B155" s="3"/>
      <c r="C155" s="3"/>
      <c r="D155" s="3"/>
      <c r="G155" s="3"/>
      <c r="I155" s="3"/>
      <c r="J155" s="3"/>
    </row>
    <row r="156" spans="1:10" s="1" customFormat="1" x14ac:dyDescent="0.15">
      <c r="A156" s="3"/>
      <c r="B156" s="3"/>
      <c r="C156" s="3"/>
      <c r="D156" s="3"/>
      <c r="G156" s="3"/>
      <c r="I156" s="3"/>
      <c r="J156" s="3"/>
    </row>
    <row r="157" spans="1:10" s="1" customFormat="1" x14ac:dyDescent="0.15">
      <c r="A157" s="3"/>
      <c r="B157" s="3"/>
      <c r="C157" s="3"/>
      <c r="D157" s="3"/>
      <c r="G157" s="3"/>
      <c r="I157" s="3"/>
      <c r="J157" s="3"/>
    </row>
    <row r="158" spans="1:10" s="1" customFormat="1" x14ac:dyDescent="0.15">
      <c r="A158" s="3"/>
      <c r="B158" s="3"/>
      <c r="C158" s="3"/>
      <c r="D158" s="3"/>
      <c r="G158" s="3"/>
      <c r="I158" s="3"/>
      <c r="J158" s="3"/>
    </row>
    <row r="159" spans="1:10" s="1" customFormat="1" x14ac:dyDescent="0.15">
      <c r="A159" s="3"/>
      <c r="B159" s="3"/>
      <c r="C159" s="3"/>
      <c r="D159" s="3"/>
      <c r="G159" s="3"/>
      <c r="I159" s="3"/>
      <c r="J159" s="3"/>
    </row>
    <row r="160" spans="1:10" s="1" customFormat="1" x14ac:dyDescent="0.15">
      <c r="A160" s="3"/>
      <c r="B160" s="3"/>
      <c r="C160" s="3"/>
      <c r="D160" s="3"/>
      <c r="G160" s="3"/>
      <c r="I160" s="3"/>
      <c r="J160" s="3"/>
    </row>
    <row r="161" spans="1:10" s="1" customFormat="1" x14ac:dyDescent="0.15">
      <c r="A161" s="3"/>
      <c r="B161" s="3"/>
      <c r="C161" s="3"/>
      <c r="D161" s="3"/>
      <c r="G161" s="3"/>
      <c r="I161" s="3"/>
      <c r="J161" s="3"/>
    </row>
    <row r="162" spans="1:10" s="1" customFormat="1" x14ac:dyDescent="0.15">
      <c r="A162" s="3"/>
      <c r="B162" s="3"/>
      <c r="C162" s="3"/>
      <c r="D162" s="3"/>
      <c r="G162" s="3"/>
      <c r="I162" s="3"/>
      <c r="J162" s="3"/>
    </row>
    <row r="163" spans="1:10" s="1" customFormat="1" x14ac:dyDescent="0.15">
      <c r="A163" s="3"/>
      <c r="B163" s="3"/>
      <c r="C163" s="3"/>
      <c r="D163" s="3"/>
      <c r="G163" s="3"/>
      <c r="I163" s="3"/>
      <c r="J163" s="3"/>
    </row>
    <row r="164" spans="1:10" s="1" customFormat="1" x14ac:dyDescent="0.15">
      <c r="A164" s="3"/>
      <c r="B164" s="3"/>
      <c r="C164" s="3"/>
      <c r="D164" s="3"/>
      <c r="G164" s="3"/>
      <c r="I164" s="3"/>
      <c r="J164" s="3"/>
    </row>
    <row r="165" spans="1:10" s="1" customFormat="1" x14ac:dyDescent="0.15">
      <c r="A165" s="3"/>
      <c r="B165" s="3"/>
      <c r="C165" s="3"/>
      <c r="D165" s="3"/>
      <c r="G165" s="3"/>
      <c r="I165" s="3"/>
      <c r="J165" s="3"/>
    </row>
    <row r="166" spans="1:10" s="1" customFormat="1" x14ac:dyDescent="0.15">
      <c r="A166" s="3"/>
      <c r="B166" s="3"/>
      <c r="C166" s="3"/>
      <c r="D166" s="3"/>
      <c r="G166" s="3"/>
      <c r="I166" s="3"/>
      <c r="J166" s="3"/>
    </row>
    <row r="167" spans="1:10" s="1" customFormat="1" x14ac:dyDescent="0.15">
      <c r="A167" s="3"/>
      <c r="B167" s="3"/>
      <c r="C167" s="3"/>
      <c r="D167" s="3"/>
      <c r="G167" s="3"/>
      <c r="I167" s="3"/>
      <c r="J167" s="3"/>
    </row>
    <row r="168" spans="1:10" s="1" customFormat="1" x14ac:dyDescent="0.15">
      <c r="A168" s="3"/>
      <c r="B168" s="3"/>
      <c r="C168" s="3"/>
      <c r="D168" s="3"/>
      <c r="G168" s="3"/>
      <c r="I168" s="3"/>
      <c r="J168" s="3"/>
    </row>
    <row r="169" spans="1:10" s="1" customFormat="1" x14ac:dyDescent="0.15">
      <c r="A169" s="3"/>
      <c r="B169" s="3"/>
      <c r="C169" s="3"/>
      <c r="D169" s="3"/>
      <c r="G169" s="3"/>
      <c r="I169" s="3"/>
      <c r="J169" s="3"/>
    </row>
    <row r="170" spans="1:10" s="1" customFormat="1" x14ac:dyDescent="0.15">
      <c r="A170" s="3"/>
      <c r="B170" s="3"/>
      <c r="C170" s="3"/>
      <c r="D170" s="3"/>
      <c r="G170" s="3"/>
      <c r="I170" s="3"/>
      <c r="J170" s="3"/>
    </row>
    <row r="171" spans="1:10" s="1" customFormat="1" x14ac:dyDescent="0.15">
      <c r="A171" s="3"/>
      <c r="B171" s="3"/>
      <c r="C171" s="3"/>
      <c r="D171" s="3"/>
      <c r="G171" s="3"/>
      <c r="I171" s="3"/>
      <c r="J171" s="3"/>
    </row>
    <row r="172" spans="1:10" s="1" customFormat="1" x14ac:dyDescent="0.15">
      <c r="A172" s="3"/>
      <c r="B172" s="3"/>
      <c r="C172" s="3"/>
      <c r="D172" s="3"/>
      <c r="G172" s="3"/>
      <c r="I172" s="3"/>
      <c r="J172" s="3"/>
    </row>
    <row r="173" spans="1:10" s="1" customFormat="1" x14ac:dyDescent="0.15">
      <c r="A173" s="3"/>
      <c r="B173" s="3"/>
      <c r="C173" s="3"/>
      <c r="D173" s="3"/>
      <c r="G173" s="3"/>
      <c r="I173" s="3"/>
      <c r="J173" s="3"/>
    </row>
    <row r="174" spans="1:10" s="1" customFormat="1" x14ac:dyDescent="0.15">
      <c r="A174" s="3"/>
      <c r="B174" s="3"/>
      <c r="C174" s="3"/>
      <c r="D174" s="3"/>
      <c r="G174" s="3"/>
      <c r="I174" s="3"/>
      <c r="J174" s="3"/>
    </row>
    <row r="175" spans="1:10" s="1" customFormat="1" x14ac:dyDescent="0.15">
      <c r="A175" s="3"/>
      <c r="B175" s="3"/>
      <c r="C175" s="3"/>
      <c r="D175" s="3"/>
      <c r="G175" s="3"/>
      <c r="I175" s="3"/>
      <c r="J175" s="3"/>
    </row>
    <row r="176" spans="1:10" s="1" customFormat="1" x14ac:dyDescent="0.15">
      <c r="A176" s="3"/>
      <c r="B176" s="3"/>
      <c r="C176" s="3"/>
      <c r="D176" s="3"/>
      <c r="G176" s="3"/>
      <c r="I176" s="3"/>
      <c r="J176" s="3"/>
    </row>
    <row r="177" spans="1:10" s="1" customFormat="1" x14ac:dyDescent="0.15">
      <c r="A177" s="3"/>
      <c r="B177" s="3"/>
      <c r="C177" s="3"/>
      <c r="D177" s="3"/>
      <c r="G177" s="3"/>
      <c r="I177" s="3"/>
      <c r="J177" s="3"/>
    </row>
    <row r="178" spans="1:10" s="1" customFormat="1" x14ac:dyDescent="0.15">
      <c r="A178" s="3"/>
      <c r="B178" s="3"/>
      <c r="C178" s="3"/>
      <c r="D178" s="3"/>
      <c r="G178" s="3"/>
      <c r="I178" s="3"/>
      <c r="J178" s="3"/>
    </row>
    <row r="179" spans="1:10" s="1" customFormat="1" x14ac:dyDescent="0.15">
      <c r="A179" s="3"/>
      <c r="B179" s="3"/>
      <c r="C179" s="3"/>
      <c r="D179" s="3"/>
      <c r="G179" s="3"/>
      <c r="I179" s="3"/>
      <c r="J179" s="3"/>
    </row>
    <row r="180" spans="1:10" s="1" customFormat="1" x14ac:dyDescent="0.15">
      <c r="A180" s="3"/>
      <c r="B180" s="3"/>
      <c r="C180" s="3"/>
      <c r="D180" s="3"/>
      <c r="G180" s="3"/>
      <c r="I180" s="3"/>
      <c r="J180" s="3"/>
    </row>
    <row r="181" spans="1:10" s="1" customFormat="1" x14ac:dyDescent="0.15">
      <c r="A181" s="3"/>
      <c r="B181" s="3"/>
      <c r="C181" s="3"/>
      <c r="D181" s="3"/>
      <c r="G181" s="3"/>
      <c r="I181" s="3"/>
      <c r="J181" s="3"/>
    </row>
    <row r="182" spans="1:10" s="1" customFormat="1" x14ac:dyDescent="0.15">
      <c r="A182" s="3"/>
      <c r="B182" s="3"/>
      <c r="C182" s="3"/>
      <c r="D182" s="3"/>
      <c r="G182" s="3"/>
      <c r="I182" s="3"/>
      <c r="J182" s="3"/>
    </row>
    <row r="183" spans="1:10" s="1" customFormat="1" x14ac:dyDescent="0.15">
      <c r="A183" s="3"/>
      <c r="B183" s="3"/>
      <c r="C183" s="3"/>
      <c r="D183" s="3"/>
      <c r="G183" s="3"/>
      <c r="I183" s="3"/>
      <c r="J183" s="3"/>
    </row>
    <row r="184" spans="1:10" s="1" customFormat="1" x14ac:dyDescent="0.15">
      <c r="A184" s="3"/>
      <c r="B184" s="3"/>
      <c r="C184" s="3"/>
      <c r="D184" s="3"/>
      <c r="G184" s="3"/>
      <c r="I184" s="3"/>
      <c r="J184" s="3"/>
    </row>
    <row r="185" spans="1:10" x14ac:dyDescent="0.15">
      <c r="A185" s="3"/>
      <c r="B185" s="3"/>
      <c r="C185" s="3"/>
      <c r="D185" s="3"/>
    </row>
    <row r="186" spans="1:10" x14ac:dyDescent="0.15">
      <c r="A186" s="3"/>
      <c r="B186" s="3"/>
      <c r="C186" s="3"/>
      <c r="D186" s="3"/>
    </row>
    <row r="187" spans="1:10" x14ac:dyDescent="0.15">
      <c r="A187" s="3"/>
      <c r="B187" s="3"/>
      <c r="C187" s="3"/>
      <c r="D187" s="3"/>
    </row>
    <row r="188" spans="1:10" x14ac:dyDescent="0.15">
      <c r="A188" s="3"/>
      <c r="B188" s="3"/>
      <c r="C188" s="3"/>
      <c r="D188" s="3"/>
    </row>
    <row r="189" spans="1:10" x14ac:dyDescent="0.15">
      <c r="A189" s="3"/>
      <c r="B189" s="3"/>
      <c r="C189" s="3"/>
      <c r="D189" s="3"/>
    </row>
    <row r="190" spans="1:10" x14ac:dyDescent="0.15">
      <c r="A190" s="3"/>
      <c r="B190" s="3"/>
      <c r="C190" s="3"/>
      <c r="D190" s="3"/>
    </row>
    <row r="191" spans="1:10" x14ac:dyDescent="0.15">
      <c r="A191" s="3"/>
      <c r="B191" s="3"/>
      <c r="C191" s="3"/>
      <c r="D191" s="3"/>
    </row>
    <row r="192" spans="1:10" x14ac:dyDescent="0.15">
      <c r="A192" s="3"/>
      <c r="B192" s="3"/>
      <c r="C192" s="3"/>
      <c r="D192" s="3"/>
    </row>
    <row r="193" spans="1:4" x14ac:dyDescent="0.15">
      <c r="A193" s="3"/>
      <c r="B193" s="3"/>
      <c r="C193" s="3"/>
      <c r="D193" s="3"/>
    </row>
    <row r="194" spans="1:4" x14ac:dyDescent="0.15">
      <c r="A194" s="3"/>
      <c r="B194" s="3"/>
      <c r="C194" s="3"/>
      <c r="D194" s="3"/>
    </row>
    <row r="195" spans="1:4" x14ac:dyDescent="0.15">
      <c r="A195" s="3"/>
      <c r="B195" s="3"/>
      <c r="C195" s="3"/>
      <c r="D195" s="3"/>
    </row>
    <row r="196" spans="1:4" x14ac:dyDescent="0.15">
      <c r="A196" s="3"/>
      <c r="B196" s="3"/>
      <c r="C196" s="3"/>
      <c r="D196" s="3"/>
    </row>
    <row r="197" spans="1:4" x14ac:dyDescent="0.15">
      <c r="A197" s="3"/>
      <c r="B197" s="3"/>
      <c r="C197" s="3"/>
      <c r="D197" s="3"/>
    </row>
    <row r="198" spans="1:4" x14ac:dyDescent="0.15">
      <c r="A198" s="3"/>
      <c r="B198" s="3"/>
      <c r="C198" s="3"/>
      <c r="D198" s="3"/>
    </row>
    <row r="199" spans="1:4" x14ac:dyDescent="0.15">
      <c r="A199" s="3"/>
      <c r="B199" s="3"/>
      <c r="C199" s="3"/>
      <c r="D199" s="3"/>
    </row>
    <row r="200" spans="1:4" x14ac:dyDescent="0.15">
      <c r="A200" s="3"/>
      <c r="B200" s="3"/>
      <c r="C200" s="3"/>
      <c r="D200" s="3"/>
    </row>
    <row r="201" spans="1:4" x14ac:dyDescent="0.15">
      <c r="A201" s="3"/>
      <c r="B201" s="3"/>
      <c r="C201" s="3"/>
      <c r="D201" s="3"/>
    </row>
    <row r="202" spans="1:4" x14ac:dyDescent="0.15">
      <c r="A202" s="3"/>
      <c r="B202" s="3"/>
      <c r="C202" s="3"/>
      <c r="D202" s="3"/>
    </row>
    <row r="203" spans="1:4" x14ac:dyDescent="0.15">
      <c r="A203" s="3"/>
      <c r="B203" s="3"/>
      <c r="C203" s="3"/>
      <c r="D203" s="3"/>
    </row>
  </sheetData>
  <phoneticPr fontId="1"/>
  <printOptions horizontalCentered="1"/>
  <pageMargins left="0.31496062992125984" right="0.31496062992125984" top="0.74803149606299213" bottom="0.74803149606299213" header="0.31496062992125984" footer="0.31496062992125984"/>
  <pageSetup paperSize="8" scale="65" fitToWidth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原料供給企業一覧</vt:lpstr>
      <vt:lpstr>原料供給企業一覧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80340</dc:creator>
  <cp:lastModifiedBy>Windows ユーザー</cp:lastModifiedBy>
  <cp:lastPrinted>2019-08-01T05:48:39Z</cp:lastPrinted>
  <dcterms:created xsi:type="dcterms:W3CDTF">2016-09-11T23:41:56Z</dcterms:created>
  <dcterms:modified xsi:type="dcterms:W3CDTF">2019-08-06T06:21:17Z</dcterms:modified>
  <cp:contentStatus/>
</cp:coreProperties>
</file>